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heme/theme2.xml" ContentType="application/vnd.openxmlformats-officedocument.them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675" r:id="rId2"/>
  </p:sldMasterIdLst>
  <p:sldIdLst>
    <p:sldId id="279" r:id="rId3"/>
    <p:sldId id="277" r:id="rId4"/>
    <p:sldId id="285" r:id="rId5"/>
    <p:sldId id="289" r:id="rId6"/>
    <p:sldId id="259" r:id="rId7"/>
    <p:sldId id="260" r:id="rId8"/>
    <p:sldId id="271" r:id="rId9"/>
    <p:sldId id="287" r:id="rId10"/>
    <p:sldId id="263" r:id="rId11"/>
    <p:sldId id="264" r:id="rId12"/>
    <p:sldId id="265" r:id="rId13"/>
    <p:sldId id="290" r:id="rId14"/>
    <p:sldId id="286" r:id="rId15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BC89EF96-8CEA-46FF-86C4-4CE0E7609802}" styleName="Light Style 3 - Acc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0016" autoAdjust="0"/>
    <p:restoredTop sz="94660"/>
  </p:normalViewPr>
  <p:slideViewPr>
    <p:cSldViewPr snapToGrid="0">
      <p:cViewPr varScale="1">
        <p:scale>
          <a:sx n="101" d="100"/>
          <a:sy n="101" d="100"/>
        </p:scale>
        <p:origin x="126" y="33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theme" Target="theme/theme1.xml"/><Relationship Id="rId3" Type="http://schemas.openxmlformats.org/officeDocument/2006/relationships/slide" Target="slides/slid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10" Type="http://schemas.openxmlformats.org/officeDocument/2006/relationships/slide" Target="slides/slide8.xml"/><Relationship Id="rId19" Type="http://schemas.openxmlformats.org/officeDocument/2006/relationships/tableStyles" Target="tableStyles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image" Target="../media/image1.png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7" Type="http://schemas.openxmlformats.org/officeDocument/2006/relationships/image" Target="../media/image3.emf"/><Relationship Id="rId2" Type="http://schemas.openxmlformats.org/officeDocument/2006/relationships/tags" Target="../tags/tag3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.bin"/><Relationship Id="rId4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image" Target="../media/image1.png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83484755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177592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61483094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, Text and Pictur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6"/>
            <a:ext cx="5505756" cy="1430520"/>
          </a:xfrm>
        </p:spPr>
        <p:txBody>
          <a:bodyPr wrap="square">
            <a:spAutoFit/>
          </a:bodyPr>
          <a:lstStyle>
            <a:lvl1pPr>
              <a:defRPr sz="1499" b="0">
                <a:solidFill>
                  <a:schemeClr val="tx1"/>
                </a:solidFill>
              </a:defRPr>
            </a:lvl1pPr>
            <a:lvl2pPr>
              <a:defRPr sz="1499"/>
            </a:lvl2pPr>
            <a:lvl3pPr>
              <a:defRPr sz="1499"/>
            </a:lvl3pPr>
            <a:lvl4pPr>
              <a:defRPr sz="1499"/>
            </a:lvl4pPr>
            <a:lvl5pPr>
              <a:defRPr sz="1499"/>
            </a:lvl5pPr>
          </a:lstStyle>
          <a:p>
            <a:pPr lvl="0"/>
            <a:r>
              <a:rPr lang="en-US" noProof="0" dirty="0" smtClean="0"/>
              <a:t>Subhead, Calibri, 20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1" hasCustomPrompt="1"/>
          </p:nvPr>
        </p:nvSpPr>
        <p:spPr>
          <a:xfrm>
            <a:off x="6130908" y="1629987"/>
            <a:ext cx="5505757" cy="4677279"/>
          </a:xfrm>
        </p:spPr>
        <p:txBody>
          <a:bodyPr/>
          <a:lstStyle>
            <a:lvl1pPr>
              <a:defRPr sz="1499"/>
            </a:lvl1pPr>
          </a:lstStyle>
          <a:p>
            <a:r>
              <a:rPr lang="en-US" dirty="0" smtClean="0"/>
              <a:t>Image</a:t>
            </a:r>
            <a:endParaRPr lang="en-US" dirty="0"/>
          </a:p>
        </p:txBody>
      </p:sp>
      <p:sp>
        <p:nvSpPr>
          <p:cNvPr id="6" name="Textplatzhalter 3"/>
          <p:cNvSpPr>
            <a:spLocks noGrp="1"/>
          </p:cNvSpPr>
          <p:nvPr>
            <p:ph type="body" sz="quarter" idx="12" hasCustomPrompt="1"/>
          </p:nvPr>
        </p:nvSpPr>
        <p:spPr>
          <a:xfrm>
            <a:off x="482350" y="6634559"/>
            <a:ext cx="5505757" cy="115416"/>
          </a:xfrm>
        </p:spPr>
        <p:txBody>
          <a:bodyPr vert="horz" wrap="square" lIns="0" tIns="0" rIns="0" bIns="0" rtlCol="0" anchor="b">
            <a:spAutoFit/>
          </a:bodyPr>
          <a:lstStyle>
            <a:lvl1pPr>
              <a:defRPr lang="de-DE" sz="750" dirty="0" smtClean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sp>
        <p:nvSpPr>
          <p:cNvPr id="17" name="Abgerundetes Rechteck 42"/>
          <p:cNvSpPr/>
          <p:nvPr userDrawn="1"/>
        </p:nvSpPr>
        <p:spPr>
          <a:xfrm>
            <a:off x="12642623" y="6102341"/>
            <a:ext cx="1864485" cy="634853"/>
          </a:xfrm>
          <a:prstGeom prst="roundRect">
            <a:avLst>
              <a:gd name="adj" fmla="val 0"/>
            </a:avLst>
          </a:prstGeom>
          <a:solidFill>
            <a:srgbClr val="A6A2A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53972" tIns="26986" rIns="53972" bIns="53972" rtlCol="0" anchor="ctr"/>
          <a:lstStyle/>
          <a:p>
            <a:r>
              <a:rPr lang="en-US" sz="825" b="1" dirty="0">
                <a:solidFill>
                  <a:srgbClr val="2D1E1C"/>
                </a:solidFill>
              </a:rPr>
              <a:t>For changing images, please delete them and </a:t>
            </a:r>
            <a:r>
              <a:rPr lang="en-US" sz="825" b="1" dirty="0">
                <a:solidFill>
                  <a:prstClr val="white"/>
                </a:solidFill>
              </a:rPr>
              <a:t>insert a new one over click insert icon</a:t>
            </a:r>
            <a:endParaRPr lang="en-US" sz="825" dirty="0">
              <a:solidFill>
                <a:prstClr val="white"/>
              </a:solidFill>
            </a:endParaRPr>
          </a:p>
        </p:txBody>
      </p:sp>
      <p:grpSp>
        <p:nvGrpSpPr>
          <p:cNvPr id="12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4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5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6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22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17934944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Introduction/Table of content Oran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/>
          </p:nvPr>
        </p:nvGraphicFramePr>
        <p:xfrm>
          <a:off x="1588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44" name="think-cell Folie" r:id="rId5" imgW="360" imgH="360" progId="">
                  <p:embed/>
                </p:oleObj>
              </mc:Choice>
              <mc:Fallback>
                <p:oleObj name="think-cell Folie" r:id="rId5" imgW="360" imgH="360" progId="">
                  <p:embed/>
                  <p:pic>
                    <p:nvPicPr>
                      <p:cNvPr id="0" name="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9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6" name="Rechteck 215"/>
          <p:cNvSpPr/>
          <p:nvPr userDrawn="1"/>
        </p:nvSpPr>
        <p:spPr>
          <a:xfrm>
            <a:off x="0" y="1"/>
            <a:ext cx="12192000" cy="6307265"/>
          </a:xfrm>
          <a:prstGeom prst="rect">
            <a:avLst/>
          </a:prstGeom>
          <a:solidFill>
            <a:srgbClr val="FDDDC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349" dirty="0">
              <a:solidFill>
                <a:prstClr val="white"/>
              </a:solidFill>
            </a:endParaRPr>
          </a:p>
        </p:txBody>
      </p:sp>
      <p:pic>
        <p:nvPicPr>
          <p:cNvPr id="16" name="Grafik 15"/>
          <p:cNvPicPr>
            <a:picLocks noChangeAspect="1"/>
          </p:cNvPicPr>
          <p:nvPr userDrawn="1"/>
        </p:nvPicPr>
        <p:blipFill>
          <a:blip r:embed="rId7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557324" y="756946"/>
            <a:ext cx="5594609" cy="5557020"/>
          </a:xfrm>
          <a:prstGeom prst="rect">
            <a:avLst/>
          </a:prstGeom>
        </p:spPr>
      </p:pic>
      <p:sp>
        <p:nvSpPr>
          <p:cNvPr id="7" name="Textplatzhalter 6"/>
          <p:cNvSpPr>
            <a:spLocks noGrp="1"/>
          </p:cNvSpPr>
          <p:nvPr userDrawn="1">
            <p:ph type="body" sz="quarter" idx="15" hasCustomPrompt="1"/>
          </p:nvPr>
        </p:nvSpPr>
        <p:spPr>
          <a:xfrm>
            <a:off x="482348" y="1628716"/>
            <a:ext cx="5648559" cy="1520416"/>
          </a:xfrm>
        </p:spPr>
        <p:txBody>
          <a:bodyPr>
            <a:spAutoFit/>
          </a:bodyPr>
          <a:lstStyle>
            <a:lvl1pPr marL="199918" indent="-199918">
              <a:buClr>
                <a:schemeClr val="tx2"/>
              </a:buClr>
              <a:buFont typeface="Arial" panose="020B0604020202020204" pitchFamily="34" charset="0"/>
              <a:buChar char="•"/>
              <a:tabLst>
                <a:tab pos="4232795" algn="r"/>
              </a:tabLst>
              <a:defRPr b="0">
                <a:solidFill>
                  <a:schemeClr val="tx1"/>
                </a:solidFill>
              </a:defRPr>
            </a:lvl1pPr>
            <a:lvl3pPr>
              <a:tabLst>
                <a:tab pos="4232795" algn="r"/>
              </a:tabLst>
              <a:defRPr baseline="0"/>
            </a:lvl3pPr>
          </a:lstStyle>
          <a:p>
            <a:pPr lvl="0"/>
            <a:r>
              <a:rPr lang="en-US" dirty="0" smtClean="0"/>
              <a:t>Click to add chapter title, [Tab] 	page #</a:t>
            </a:r>
          </a:p>
          <a:p>
            <a:pPr lvl="2"/>
            <a:r>
              <a:rPr lang="en-US" dirty="0" smtClean="0"/>
              <a:t>Second level</a:t>
            </a:r>
          </a:p>
        </p:txBody>
      </p:sp>
      <p:grpSp>
        <p:nvGrpSpPr>
          <p:cNvPr id="4" name="Gruppieren 3"/>
          <p:cNvGrpSpPr/>
          <p:nvPr userDrawn="1"/>
        </p:nvGrpSpPr>
        <p:grpSpPr bwMode="gray">
          <a:xfrm>
            <a:off x="702" y="797"/>
            <a:ext cx="12191300" cy="1623593"/>
            <a:chOff x="701" y="796"/>
            <a:chExt cx="12197649" cy="1623969"/>
          </a:xfrm>
        </p:grpSpPr>
        <p:sp>
          <p:nvSpPr>
            <p:cNvPr id="249" name="Freeform 11"/>
            <p:cNvSpPr>
              <a:spLocks/>
            </p:cNvSpPr>
            <p:nvPr userDrawn="1"/>
          </p:nvSpPr>
          <p:spPr bwMode="gray">
            <a:xfrm>
              <a:off x="701" y="796"/>
              <a:ext cx="12197649" cy="1623969"/>
            </a:xfrm>
            <a:custGeom>
              <a:avLst/>
              <a:gdLst/>
              <a:ahLst/>
              <a:cxnLst/>
              <a:rect l="l" t="t" r="r" b="b"/>
              <a:pathLst>
                <a:path w="12197649" h="1623969">
                  <a:moveTo>
                    <a:pt x="12197649" y="0"/>
                  </a:moveTo>
                  <a:lnTo>
                    <a:pt x="12197649" y="1150279"/>
                  </a:lnTo>
                  <a:cubicBezTo>
                    <a:pt x="9786709" y="1161191"/>
                    <a:pt x="4153741" y="1246138"/>
                    <a:pt x="0" y="1623969"/>
                  </a:cubicBezTo>
                  <a:lnTo>
                    <a:pt x="0" y="2379"/>
                  </a:ln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349" dirty="0">
                <a:solidFill>
                  <a:srgbClr val="5F5656"/>
                </a:solidFill>
              </a:endParaRPr>
            </a:p>
          </p:txBody>
        </p:sp>
        <p:grpSp>
          <p:nvGrpSpPr>
            <p:cNvPr id="250" name="Gruppierung 140"/>
            <p:cNvGrpSpPr>
              <a:grpSpLocks noChangeAspect="1"/>
            </p:cNvGrpSpPr>
            <p:nvPr userDrawn="1"/>
          </p:nvGrpSpPr>
          <p:grpSpPr bwMode="gray">
            <a:xfrm>
              <a:off x="10291931" y="341313"/>
              <a:ext cx="1638132" cy="385201"/>
              <a:chOff x="6613648" y="2453653"/>
              <a:chExt cx="2815390" cy="662028"/>
            </a:xfrm>
          </p:grpSpPr>
          <p:sp>
            <p:nvSpPr>
              <p:cNvPr id="251" name="Freihandform 250"/>
              <p:cNvSpPr>
                <a:spLocks noChangeAspect="1" noChangeArrowheads="1"/>
              </p:cNvSpPr>
              <p:nvPr/>
            </p:nvSpPr>
            <p:spPr bwMode="gray">
              <a:xfrm>
                <a:off x="8944950" y="2560629"/>
                <a:ext cx="484088" cy="476289"/>
              </a:xfrm>
              <a:custGeom>
                <a:avLst/>
                <a:gdLst>
                  <a:gd name="connsiteX0" fmla="*/ 224003 w 484088"/>
                  <a:gd name="connsiteY0" fmla="*/ 410646 h 476290"/>
                  <a:gd name="connsiteX1" fmla="*/ 247187 w 484088"/>
                  <a:gd name="connsiteY1" fmla="*/ 420103 h 476290"/>
                  <a:gd name="connsiteX2" fmla="*/ 247187 w 484088"/>
                  <a:gd name="connsiteY2" fmla="*/ 466833 h 476290"/>
                  <a:gd name="connsiteX3" fmla="*/ 200818 w 484088"/>
                  <a:gd name="connsiteY3" fmla="*/ 466833 h 476290"/>
                  <a:gd name="connsiteX4" fmla="*/ 200818 w 484088"/>
                  <a:gd name="connsiteY4" fmla="*/ 420103 h 476290"/>
                  <a:gd name="connsiteX5" fmla="*/ 224003 w 484088"/>
                  <a:gd name="connsiteY5" fmla="*/ 410646 h 476290"/>
                  <a:gd name="connsiteX6" fmla="*/ 121049 w 484088"/>
                  <a:gd name="connsiteY6" fmla="*/ 316301 h 476290"/>
                  <a:gd name="connsiteX7" fmla="*/ 138696 w 484088"/>
                  <a:gd name="connsiteY7" fmla="*/ 323796 h 476290"/>
                  <a:gd name="connsiteX8" fmla="*/ 138696 w 484088"/>
                  <a:gd name="connsiteY8" fmla="*/ 359325 h 476290"/>
                  <a:gd name="connsiteX9" fmla="*/ 103128 w 484088"/>
                  <a:gd name="connsiteY9" fmla="*/ 359325 h 476290"/>
                  <a:gd name="connsiteX10" fmla="*/ 103128 w 484088"/>
                  <a:gd name="connsiteY10" fmla="*/ 323796 h 476290"/>
                  <a:gd name="connsiteX11" fmla="*/ 121049 w 484088"/>
                  <a:gd name="connsiteY11" fmla="*/ 316301 h 476290"/>
                  <a:gd name="connsiteX12" fmla="*/ 325449 w 484088"/>
                  <a:gd name="connsiteY12" fmla="*/ 298284 h 476290"/>
                  <a:gd name="connsiteX13" fmla="*/ 356024 w 484088"/>
                  <a:gd name="connsiteY13" fmla="*/ 310902 h 476290"/>
                  <a:gd name="connsiteX14" fmla="*/ 356024 w 484088"/>
                  <a:gd name="connsiteY14" fmla="*/ 372214 h 476290"/>
                  <a:gd name="connsiteX15" fmla="*/ 294874 w 484088"/>
                  <a:gd name="connsiteY15" fmla="*/ 372214 h 476290"/>
                  <a:gd name="connsiteX16" fmla="*/ 294874 w 484088"/>
                  <a:gd name="connsiteY16" fmla="*/ 310902 h 476290"/>
                  <a:gd name="connsiteX17" fmla="*/ 325449 w 484088"/>
                  <a:gd name="connsiteY17" fmla="*/ 298284 h 476290"/>
                  <a:gd name="connsiteX18" fmla="*/ 19273 w 484088"/>
                  <a:gd name="connsiteY18" fmla="*/ 218685 h 476290"/>
                  <a:gd name="connsiteX19" fmla="*/ 32986 w 484088"/>
                  <a:gd name="connsiteY19" fmla="*/ 224259 h 476290"/>
                  <a:gd name="connsiteX20" fmla="*/ 32986 w 484088"/>
                  <a:gd name="connsiteY20" fmla="*/ 251759 h 476290"/>
                  <a:gd name="connsiteX21" fmla="*/ 5560 w 484088"/>
                  <a:gd name="connsiteY21" fmla="*/ 251759 h 476290"/>
                  <a:gd name="connsiteX22" fmla="*/ 5560 w 484088"/>
                  <a:gd name="connsiteY22" fmla="*/ 224259 h 476290"/>
                  <a:gd name="connsiteX23" fmla="*/ 19273 w 484088"/>
                  <a:gd name="connsiteY23" fmla="*/ 218685 h 476290"/>
                  <a:gd name="connsiteX24" fmla="*/ 224003 w 484088"/>
                  <a:gd name="connsiteY24" fmla="*/ 205318 h 476290"/>
                  <a:gd name="connsiteX25" fmla="*/ 247187 w 484088"/>
                  <a:gd name="connsiteY25" fmla="*/ 215174 h 476290"/>
                  <a:gd name="connsiteX26" fmla="*/ 247187 w 484088"/>
                  <a:gd name="connsiteY26" fmla="*/ 262482 h 476290"/>
                  <a:gd name="connsiteX27" fmla="*/ 200818 w 484088"/>
                  <a:gd name="connsiteY27" fmla="*/ 262482 h 476290"/>
                  <a:gd name="connsiteX28" fmla="*/ 200818 w 484088"/>
                  <a:gd name="connsiteY28" fmla="*/ 215174 h 476290"/>
                  <a:gd name="connsiteX29" fmla="*/ 224003 w 484088"/>
                  <a:gd name="connsiteY29" fmla="*/ 205318 h 476290"/>
                  <a:gd name="connsiteX30" fmla="*/ 428279 w 484088"/>
                  <a:gd name="connsiteY30" fmla="*/ 182871 h 476290"/>
                  <a:gd name="connsiteX31" fmla="*/ 467652 w 484088"/>
                  <a:gd name="connsiteY31" fmla="*/ 199351 h 476290"/>
                  <a:gd name="connsiteX32" fmla="*/ 467652 w 484088"/>
                  <a:gd name="connsiteY32" fmla="*/ 278307 h 476290"/>
                  <a:gd name="connsiteX33" fmla="*/ 388906 w 484088"/>
                  <a:gd name="connsiteY33" fmla="*/ 278307 h 476290"/>
                  <a:gd name="connsiteX34" fmla="*/ 388906 w 484088"/>
                  <a:gd name="connsiteY34" fmla="*/ 199351 h 476290"/>
                  <a:gd name="connsiteX35" fmla="*/ 428279 w 484088"/>
                  <a:gd name="connsiteY35" fmla="*/ 182871 h 476290"/>
                  <a:gd name="connsiteX36" fmla="*/ 121049 w 484088"/>
                  <a:gd name="connsiteY36" fmla="*/ 110842 h 476290"/>
                  <a:gd name="connsiteX37" fmla="*/ 138696 w 484088"/>
                  <a:gd name="connsiteY37" fmla="*/ 118337 h 476290"/>
                  <a:gd name="connsiteX38" fmla="*/ 138696 w 484088"/>
                  <a:gd name="connsiteY38" fmla="*/ 154236 h 476290"/>
                  <a:gd name="connsiteX39" fmla="*/ 103128 w 484088"/>
                  <a:gd name="connsiteY39" fmla="*/ 154236 h 476290"/>
                  <a:gd name="connsiteX40" fmla="*/ 103128 w 484088"/>
                  <a:gd name="connsiteY40" fmla="*/ 118337 h 476290"/>
                  <a:gd name="connsiteX41" fmla="*/ 121049 w 484088"/>
                  <a:gd name="connsiteY41" fmla="*/ 110842 h 476290"/>
                  <a:gd name="connsiteX42" fmla="*/ 325683 w 484088"/>
                  <a:gd name="connsiteY42" fmla="*/ 92919 h 476290"/>
                  <a:gd name="connsiteX43" fmla="*/ 356092 w 484088"/>
                  <a:gd name="connsiteY43" fmla="*/ 105817 h 476290"/>
                  <a:gd name="connsiteX44" fmla="*/ 356092 w 484088"/>
                  <a:gd name="connsiteY44" fmla="*/ 166756 h 476290"/>
                  <a:gd name="connsiteX45" fmla="*/ 295553 w 484088"/>
                  <a:gd name="connsiteY45" fmla="*/ 166756 h 476290"/>
                  <a:gd name="connsiteX46" fmla="*/ 295553 w 484088"/>
                  <a:gd name="connsiteY46" fmla="*/ 105817 h 476290"/>
                  <a:gd name="connsiteX47" fmla="*/ 325683 w 484088"/>
                  <a:gd name="connsiteY47" fmla="*/ 92919 h 476290"/>
                  <a:gd name="connsiteX48" fmla="*/ 224003 w 484088"/>
                  <a:gd name="connsiteY48" fmla="*/ 0 h 476290"/>
                  <a:gd name="connsiteX49" fmla="*/ 247187 w 484088"/>
                  <a:gd name="connsiteY49" fmla="*/ 9715 h 476290"/>
                  <a:gd name="connsiteX50" fmla="*/ 247187 w 484088"/>
                  <a:gd name="connsiteY50" fmla="*/ 57022 h 476290"/>
                  <a:gd name="connsiteX51" fmla="*/ 200818 w 484088"/>
                  <a:gd name="connsiteY51" fmla="*/ 57022 h 476290"/>
                  <a:gd name="connsiteX52" fmla="*/ 200818 w 484088"/>
                  <a:gd name="connsiteY52" fmla="*/ 9715 h 476290"/>
                  <a:gd name="connsiteX53" fmla="*/ 224003 w 484088"/>
                  <a:gd name="connsiteY53" fmla="*/ 0 h 476290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</a:cxnLst>
                <a:rect l="l" t="t" r="r" b="b"/>
                <a:pathLst>
                  <a:path w="484088" h="476290">
                    <a:moveTo>
                      <a:pt x="224003" y="410646"/>
                    </a:moveTo>
                    <a:cubicBezTo>
                      <a:pt x="232375" y="410646"/>
                      <a:pt x="240747" y="413798"/>
                      <a:pt x="247187" y="420103"/>
                    </a:cubicBezTo>
                    <a:cubicBezTo>
                      <a:pt x="260067" y="433084"/>
                      <a:pt x="260067" y="453853"/>
                      <a:pt x="247187" y="466833"/>
                    </a:cubicBezTo>
                    <a:cubicBezTo>
                      <a:pt x="234307" y="479443"/>
                      <a:pt x="213699" y="479443"/>
                      <a:pt x="200818" y="466833"/>
                    </a:cubicBezTo>
                    <a:cubicBezTo>
                      <a:pt x="188306" y="454224"/>
                      <a:pt x="188306" y="433455"/>
                      <a:pt x="200818" y="420103"/>
                    </a:cubicBezTo>
                    <a:cubicBezTo>
                      <a:pt x="207259" y="413798"/>
                      <a:pt x="215631" y="410646"/>
                      <a:pt x="224003" y="410646"/>
                    </a:cubicBezTo>
                    <a:close/>
                    <a:moveTo>
                      <a:pt x="121049" y="316301"/>
                    </a:moveTo>
                    <a:cubicBezTo>
                      <a:pt x="127512" y="316301"/>
                      <a:pt x="133929" y="318800"/>
                      <a:pt x="138696" y="323796"/>
                    </a:cubicBezTo>
                    <a:cubicBezTo>
                      <a:pt x="148597" y="333788"/>
                      <a:pt x="148597" y="349333"/>
                      <a:pt x="138696" y="359325"/>
                    </a:cubicBezTo>
                    <a:cubicBezTo>
                      <a:pt x="129162" y="369318"/>
                      <a:pt x="113028" y="369318"/>
                      <a:pt x="103128" y="359325"/>
                    </a:cubicBezTo>
                    <a:cubicBezTo>
                      <a:pt x="93227" y="349333"/>
                      <a:pt x="93227" y="333788"/>
                      <a:pt x="103128" y="323796"/>
                    </a:cubicBezTo>
                    <a:cubicBezTo>
                      <a:pt x="108078" y="318800"/>
                      <a:pt x="114587" y="316301"/>
                      <a:pt x="121049" y="316301"/>
                    </a:cubicBezTo>
                    <a:close/>
                    <a:moveTo>
                      <a:pt x="325449" y="298284"/>
                    </a:moveTo>
                    <a:cubicBezTo>
                      <a:pt x="336448" y="298284"/>
                      <a:pt x="347448" y="302490"/>
                      <a:pt x="356024" y="310902"/>
                    </a:cubicBezTo>
                    <a:cubicBezTo>
                      <a:pt x="372803" y="328099"/>
                      <a:pt x="373175" y="355016"/>
                      <a:pt x="356024" y="372214"/>
                    </a:cubicBezTo>
                    <a:cubicBezTo>
                      <a:pt x="339245" y="389037"/>
                      <a:pt x="312026" y="389037"/>
                      <a:pt x="294874" y="372214"/>
                    </a:cubicBezTo>
                    <a:cubicBezTo>
                      <a:pt x="278468" y="355016"/>
                      <a:pt x="278468" y="328099"/>
                      <a:pt x="294874" y="310902"/>
                    </a:cubicBezTo>
                    <a:cubicBezTo>
                      <a:pt x="303450" y="302490"/>
                      <a:pt x="314449" y="298284"/>
                      <a:pt x="325449" y="298284"/>
                    </a:cubicBezTo>
                    <a:close/>
                    <a:moveTo>
                      <a:pt x="19273" y="218685"/>
                    </a:moveTo>
                    <a:cubicBezTo>
                      <a:pt x="24277" y="218685"/>
                      <a:pt x="29280" y="220543"/>
                      <a:pt x="32986" y="224259"/>
                    </a:cubicBezTo>
                    <a:cubicBezTo>
                      <a:pt x="40399" y="231692"/>
                      <a:pt x="40399" y="243955"/>
                      <a:pt x="32986" y="251759"/>
                    </a:cubicBezTo>
                    <a:cubicBezTo>
                      <a:pt x="25574" y="259192"/>
                      <a:pt x="12972" y="259192"/>
                      <a:pt x="5560" y="251759"/>
                    </a:cubicBezTo>
                    <a:cubicBezTo>
                      <a:pt x="-1853" y="243955"/>
                      <a:pt x="-1853" y="231692"/>
                      <a:pt x="5560" y="224259"/>
                    </a:cubicBezTo>
                    <a:cubicBezTo>
                      <a:pt x="9266" y="220543"/>
                      <a:pt x="14270" y="218685"/>
                      <a:pt x="19273" y="218685"/>
                    </a:cubicBezTo>
                    <a:close/>
                    <a:moveTo>
                      <a:pt x="224003" y="205318"/>
                    </a:moveTo>
                    <a:cubicBezTo>
                      <a:pt x="232375" y="205318"/>
                      <a:pt x="240747" y="208604"/>
                      <a:pt x="247187" y="215174"/>
                    </a:cubicBezTo>
                    <a:cubicBezTo>
                      <a:pt x="260067" y="228315"/>
                      <a:pt x="260067" y="249341"/>
                      <a:pt x="247187" y="262482"/>
                    </a:cubicBezTo>
                    <a:cubicBezTo>
                      <a:pt x="234307" y="275624"/>
                      <a:pt x="213699" y="275624"/>
                      <a:pt x="200818" y="262482"/>
                    </a:cubicBezTo>
                    <a:cubicBezTo>
                      <a:pt x="188306" y="249341"/>
                      <a:pt x="188306" y="228315"/>
                      <a:pt x="200818" y="215174"/>
                    </a:cubicBezTo>
                    <a:cubicBezTo>
                      <a:pt x="207259" y="208604"/>
                      <a:pt x="215631" y="205318"/>
                      <a:pt x="224003" y="205318"/>
                    </a:cubicBezTo>
                    <a:close/>
                    <a:moveTo>
                      <a:pt x="428279" y="182871"/>
                    </a:moveTo>
                    <a:cubicBezTo>
                      <a:pt x="442487" y="182871"/>
                      <a:pt x="456694" y="188365"/>
                      <a:pt x="467652" y="199351"/>
                    </a:cubicBezTo>
                    <a:cubicBezTo>
                      <a:pt x="489567" y="221325"/>
                      <a:pt x="489567" y="256334"/>
                      <a:pt x="467652" y="278307"/>
                    </a:cubicBezTo>
                    <a:cubicBezTo>
                      <a:pt x="445737" y="300281"/>
                      <a:pt x="410821" y="300281"/>
                      <a:pt x="388906" y="278307"/>
                    </a:cubicBezTo>
                    <a:cubicBezTo>
                      <a:pt x="366991" y="256706"/>
                      <a:pt x="366991" y="221325"/>
                      <a:pt x="388906" y="199351"/>
                    </a:cubicBezTo>
                    <a:cubicBezTo>
                      <a:pt x="399864" y="188365"/>
                      <a:pt x="414071" y="182871"/>
                      <a:pt x="428279" y="182871"/>
                    </a:cubicBezTo>
                    <a:close/>
                    <a:moveTo>
                      <a:pt x="121049" y="110842"/>
                    </a:moveTo>
                    <a:cubicBezTo>
                      <a:pt x="127512" y="110842"/>
                      <a:pt x="133929" y="113340"/>
                      <a:pt x="138696" y="118337"/>
                    </a:cubicBezTo>
                    <a:cubicBezTo>
                      <a:pt x="148597" y="128329"/>
                      <a:pt x="148597" y="144244"/>
                      <a:pt x="138696" y="154236"/>
                    </a:cubicBezTo>
                    <a:cubicBezTo>
                      <a:pt x="129162" y="163859"/>
                      <a:pt x="113028" y="163859"/>
                      <a:pt x="103128" y="154236"/>
                    </a:cubicBezTo>
                    <a:cubicBezTo>
                      <a:pt x="93227" y="144244"/>
                      <a:pt x="93227" y="128329"/>
                      <a:pt x="103128" y="118337"/>
                    </a:cubicBezTo>
                    <a:cubicBezTo>
                      <a:pt x="108078" y="113340"/>
                      <a:pt x="114587" y="110842"/>
                      <a:pt x="121049" y="110842"/>
                    </a:cubicBezTo>
                    <a:close/>
                    <a:moveTo>
                      <a:pt x="325683" y="92919"/>
                    </a:moveTo>
                    <a:cubicBezTo>
                      <a:pt x="336593" y="92919"/>
                      <a:pt x="347550" y="97219"/>
                      <a:pt x="356092" y="105817"/>
                    </a:cubicBezTo>
                    <a:cubicBezTo>
                      <a:pt x="373177" y="122641"/>
                      <a:pt x="373177" y="149558"/>
                      <a:pt x="356092" y="166756"/>
                    </a:cubicBezTo>
                    <a:cubicBezTo>
                      <a:pt x="339007" y="183579"/>
                      <a:pt x="312638" y="183579"/>
                      <a:pt x="295553" y="166756"/>
                    </a:cubicBezTo>
                    <a:cubicBezTo>
                      <a:pt x="278840" y="149558"/>
                      <a:pt x="278468" y="122641"/>
                      <a:pt x="295553" y="105817"/>
                    </a:cubicBezTo>
                    <a:cubicBezTo>
                      <a:pt x="303910" y="97219"/>
                      <a:pt x="314773" y="92919"/>
                      <a:pt x="325683" y="92919"/>
                    </a:cubicBezTo>
                    <a:close/>
                    <a:moveTo>
                      <a:pt x="224003" y="0"/>
                    </a:moveTo>
                    <a:cubicBezTo>
                      <a:pt x="232375" y="-47"/>
                      <a:pt x="240747" y="3144"/>
                      <a:pt x="247187" y="9715"/>
                    </a:cubicBezTo>
                    <a:cubicBezTo>
                      <a:pt x="260067" y="22480"/>
                      <a:pt x="260067" y="44257"/>
                      <a:pt x="247187" y="57022"/>
                    </a:cubicBezTo>
                    <a:cubicBezTo>
                      <a:pt x="234307" y="70163"/>
                      <a:pt x="213699" y="69788"/>
                      <a:pt x="200818" y="57022"/>
                    </a:cubicBezTo>
                    <a:cubicBezTo>
                      <a:pt x="188306" y="43881"/>
                      <a:pt x="188306" y="22856"/>
                      <a:pt x="200818" y="9715"/>
                    </a:cubicBezTo>
                    <a:cubicBezTo>
                      <a:pt x="207259" y="3332"/>
                      <a:pt x="215631" y="47"/>
                      <a:pt x="224003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r>
                  <a:rPr lang="en-US" sz="1574" kern="0" dirty="0">
                    <a:solidFill>
                      <a:sysClr val="windowText" lastClr="000000"/>
                    </a:solidFill>
                  </a:rPr>
                  <a:t> </a:t>
                </a:r>
              </a:p>
            </p:txBody>
          </p:sp>
          <p:sp>
            <p:nvSpPr>
              <p:cNvPr id="252" name="Freihandform 251"/>
              <p:cNvSpPr>
                <a:spLocks noChangeAspect="1" noChangeArrowheads="1"/>
              </p:cNvSpPr>
              <p:nvPr/>
            </p:nvSpPr>
            <p:spPr bwMode="gray">
              <a:xfrm>
                <a:off x="7307072" y="2453653"/>
                <a:ext cx="1597948" cy="254396"/>
              </a:xfrm>
              <a:custGeom>
                <a:avLst/>
                <a:gdLst>
                  <a:gd name="connsiteX0" fmla="*/ 1157347 w 1597949"/>
                  <a:gd name="connsiteY0" fmla="*/ 4931 h 254396"/>
                  <a:gd name="connsiteX1" fmla="*/ 1235941 w 1597949"/>
                  <a:gd name="connsiteY1" fmla="*/ 4931 h 254396"/>
                  <a:gd name="connsiteX2" fmla="*/ 1319354 w 1597949"/>
                  <a:gd name="connsiteY2" fmla="*/ 168700 h 254396"/>
                  <a:gd name="connsiteX3" fmla="*/ 1319354 w 1597949"/>
                  <a:gd name="connsiteY3" fmla="*/ 4931 h 254396"/>
                  <a:gd name="connsiteX4" fmla="*/ 1366807 w 1597949"/>
                  <a:gd name="connsiteY4" fmla="*/ 4931 h 254396"/>
                  <a:gd name="connsiteX5" fmla="*/ 1366807 w 1597949"/>
                  <a:gd name="connsiteY5" fmla="*/ 249463 h 254396"/>
                  <a:gd name="connsiteX6" fmla="*/ 1291179 w 1597949"/>
                  <a:gd name="connsiteY6" fmla="*/ 249463 h 254396"/>
                  <a:gd name="connsiteX7" fmla="*/ 1205170 w 1597949"/>
                  <a:gd name="connsiteY7" fmla="*/ 83451 h 254396"/>
                  <a:gd name="connsiteX8" fmla="*/ 1205170 w 1597949"/>
                  <a:gd name="connsiteY8" fmla="*/ 249463 h 254396"/>
                  <a:gd name="connsiteX9" fmla="*/ 1157347 w 1597949"/>
                  <a:gd name="connsiteY9" fmla="*/ 249463 h 254396"/>
                  <a:gd name="connsiteX10" fmla="*/ 936042 w 1597949"/>
                  <a:gd name="connsiteY10" fmla="*/ 4931 h 254396"/>
                  <a:gd name="connsiteX11" fmla="*/ 1110117 w 1597949"/>
                  <a:gd name="connsiteY11" fmla="*/ 4931 h 254396"/>
                  <a:gd name="connsiteX12" fmla="*/ 1110117 w 1597949"/>
                  <a:gd name="connsiteY12" fmla="*/ 49052 h 254396"/>
                  <a:gd name="connsiteX13" fmla="*/ 1001367 w 1597949"/>
                  <a:gd name="connsiteY13" fmla="*/ 49052 h 254396"/>
                  <a:gd name="connsiteX14" fmla="*/ 1001367 w 1597949"/>
                  <a:gd name="connsiteY14" fmla="*/ 104015 h 254396"/>
                  <a:gd name="connsiteX15" fmla="*/ 1096013 w 1597949"/>
                  <a:gd name="connsiteY15" fmla="*/ 104015 h 254396"/>
                  <a:gd name="connsiteX16" fmla="*/ 1096013 w 1597949"/>
                  <a:gd name="connsiteY16" fmla="*/ 144771 h 254396"/>
                  <a:gd name="connsiteX17" fmla="*/ 1001367 w 1597949"/>
                  <a:gd name="connsiteY17" fmla="*/ 144771 h 254396"/>
                  <a:gd name="connsiteX18" fmla="*/ 1001367 w 1597949"/>
                  <a:gd name="connsiteY18" fmla="*/ 202725 h 254396"/>
                  <a:gd name="connsiteX19" fmla="*/ 1112716 w 1597949"/>
                  <a:gd name="connsiteY19" fmla="*/ 202725 h 254396"/>
                  <a:gd name="connsiteX20" fmla="*/ 1112716 w 1597949"/>
                  <a:gd name="connsiteY20" fmla="*/ 249463 h 254396"/>
                  <a:gd name="connsiteX21" fmla="*/ 936042 w 1597949"/>
                  <a:gd name="connsiteY21" fmla="*/ 249463 h 254396"/>
                  <a:gd name="connsiteX22" fmla="*/ 577034 w 1597949"/>
                  <a:gd name="connsiteY22" fmla="*/ 4931 h 254396"/>
                  <a:gd name="connsiteX23" fmla="*/ 665266 w 1597949"/>
                  <a:gd name="connsiteY23" fmla="*/ 4931 h 254396"/>
                  <a:gd name="connsiteX24" fmla="*/ 725949 w 1597949"/>
                  <a:gd name="connsiteY24" fmla="*/ 160843 h 254396"/>
                  <a:gd name="connsiteX25" fmla="*/ 789611 w 1597949"/>
                  <a:gd name="connsiteY25" fmla="*/ 4931 h 254396"/>
                  <a:gd name="connsiteX26" fmla="*/ 873375 w 1597949"/>
                  <a:gd name="connsiteY26" fmla="*/ 4931 h 254396"/>
                  <a:gd name="connsiteX27" fmla="*/ 873375 w 1597949"/>
                  <a:gd name="connsiteY27" fmla="*/ 248870 h 254396"/>
                  <a:gd name="connsiteX28" fmla="*/ 808225 w 1597949"/>
                  <a:gd name="connsiteY28" fmla="*/ 248870 h 254396"/>
                  <a:gd name="connsiteX29" fmla="*/ 808225 w 1597949"/>
                  <a:gd name="connsiteY29" fmla="*/ 75800 h 254396"/>
                  <a:gd name="connsiteX30" fmla="*/ 737118 w 1597949"/>
                  <a:gd name="connsiteY30" fmla="*/ 251108 h 254396"/>
                  <a:gd name="connsiteX31" fmla="*/ 694677 w 1597949"/>
                  <a:gd name="connsiteY31" fmla="*/ 251108 h 254396"/>
                  <a:gd name="connsiteX32" fmla="*/ 625059 w 1597949"/>
                  <a:gd name="connsiteY32" fmla="*/ 75800 h 254396"/>
                  <a:gd name="connsiteX33" fmla="*/ 625059 w 1597949"/>
                  <a:gd name="connsiteY33" fmla="*/ 248870 h 254396"/>
                  <a:gd name="connsiteX34" fmla="*/ 577034 w 1597949"/>
                  <a:gd name="connsiteY34" fmla="*/ 248870 h 254396"/>
                  <a:gd name="connsiteX35" fmla="*/ 355729 w 1597949"/>
                  <a:gd name="connsiteY35" fmla="*/ 4931 h 254396"/>
                  <a:gd name="connsiteX36" fmla="*/ 530170 w 1597949"/>
                  <a:gd name="connsiteY36" fmla="*/ 4931 h 254396"/>
                  <a:gd name="connsiteX37" fmla="*/ 530170 w 1597949"/>
                  <a:gd name="connsiteY37" fmla="*/ 49052 h 254396"/>
                  <a:gd name="connsiteX38" fmla="*/ 420819 w 1597949"/>
                  <a:gd name="connsiteY38" fmla="*/ 49052 h 254396"/>
                  <a:gd name="connsiteX39" fmla="*/ 420819 w 1597949"/>
                  <a:gd name="connsiteY39" fmla="*/ 104015 h 254396"/>
                  <a:gd name="connsiteX40" fmla="*/ 516036 w 1597949"/>
                  <a:gd name="connsiteY40" fmla="*/ 104015 h 254396"/>
                  <a:gd name="connsiteX41" fmla="*/ 516036 w 1597949"/>
                  <a:gd name="connsiteY41" fmla="*/ 144771 h 254396"/>
                  <a:gd name="connsiteX42" fmla="*/ 420819 w 1597949"/>
                  <a:gd name="connsiteY42" fmla="*/ 144771 h 254396"/>
                  <a:gd name="connsiteX43" fmla="*/ 420819 w 1597949"/>
                  <a:gd name="connsiteY43" fmla="*/ 202725 h 254396"/>
                  <a:gd name="connsiteX44" fmla="*/ 532402 w 1597949"/>
                  <a:gd name="connsiteY44" fmla="*/ 202725 h 254396"/>
                  <a:gd name="connsiteX45" fmla="*/ 532402 w 1597949"/>
                  <a:gd name="connsiteY45" fmla="*/ 249463 h 254396"/>
                  <a:gd name="connsiteX46" fmla="*/ 355729 w 1597949"/>
                  <a:gd name="connsiteY46" fmla="*/ 249463 h 254396"/>
                  <a:gd name="connsiteX47" fmla="*/ 226224 w 1597949"/>
                  <a:gd name="connsiteY47" fmla="*/ 4931 h 254396"/>
                  <a:gd name="connsiteX48" fmla="*/ 293068 w 1597949"/>
                  <a:gd name="connsiteY48" fmla="*/ 4931 h 254396"/>
                  <a:gd name="connsiteX49" fmla="*/ 293068 w 1597949"/>
                  <a:gd name="connsiteY49" fmla="*/ 249464 h 254396"/>
                  <a:gd name="connsiteX50" fmla="*/ 259646 w 1597949"/>
                  <a:gd name="connsiteY50" fmla="*/ 249464 h 254396"/>
                  <a:gd name="connsiteX51" fmla="*/ 226224 w 1597949"/>
                  <a:gd name="connsiteY51" fmla="*/ 249464 h 254396"/>
                  <a:gd name="connsiteX52" fmla="*/ 1509330 w 1597949"/>
                  <a:gd name="connsiteY52" fmla="*/ 0 h 254396"/>
                  <a:gd name="connsiteX53" fmla="*/ 1573106 w 1597949"/>
                  <a:gd name="connsiteY53" fmla="*/ 7806 h 254396"/>
                  <a:gd name="connsiteX54" fmla="*/ 1579039 w 1597949"/>
                  <a:gd name="connsiteY54" fmla="*/ 8921 h 254396"/>
                  <a:gd name="connsiteX55" fmla="*/ 1579039 w 1597949"/>
                  <a:gd name="connsiteY55" fmla="*/ 55011 h 254396"/>
                  <a:gd name="connsiteX56" fmla="*/ 1516004 w 1597949"/>
                  <a:gd name="connsiteY56" fmla="*/ 41630 h 254396"/>
                  <a:gd name="connsiteX57" fmla="*/ 1475217 w 1597949"/>
                  <a:gd name="connsiteY57" fmla="*/ 63932 h 254396"/>
                  <a:gd name="connsiteX58" fmla="*/ 1483745 w 1597949"/>
                  <a:gd name="connsiteY58" fmla="*/ 78056 h 254396"/>
                  <a:gd name="connsiteX59" fmla="*/ 1521195 w 1597949"/>
                  <a:gd name="connsiteY59" fmla="*/ 96641 h 254396"/>
                  <a:gd name="connsiteX60" fmla="*/ 1580522 w 1597949"/>
                  <a:gd name="connsiteY60" fmla="*/ 130837 h 254396"/>
                  <a:gd name="connsiteX61" fmla="*/ 1597949 w 1597949"/>
                  <a:gd name="connsiteY61" fmla="*/ 175812 h 254396"/>
                  <a:gd name="connsiteX62" fmla="*/ 1563466 w 1597949"/>
                  <a:gd name="connsiteY62" fmla="*/ 236027 h 254396"/>
                  <a:gd name="connsiteX63" fmla="*/ 1491532 w 1597949"/>
                  <a:gd name="connsiteY63" fmla="*/ 252753 h 254396"/>
                  <a:gd name="connsiteX64" fmla="*/ 1415890 w 1597949"/>
                  <a:gd name="connsiteY64" fmla="*/ 243833 h 254396"/>
                  <a:gd name="connsiteX65" fmla="*/ 1415890 w 1597949"/>
                  <a:gd name="connsiteY65" fmla="*/ 195884 h 254396"/>
                  <a:gd name="connsiteX66" fmla="*/ 1488565 w 1597949"/>
                  <a:gd name="connsiteY66" fmla="*/ 208893 h 254396"/>
                  <a:gd name="connsiteX67" fmla="*/ 1532319 w 1597949"/>
                  <a:gd name="connsiteY67" fmla="*/ 186220 h 254396"/>
                  <a:gd name="connsiteX68" fmla="*/ 1526386 w 1597949"/>
                  <a:gd name="connsiteY68" fmla="*/ 171724 h 254396"/>
                  <a:gd name="connsiteX69" fmla="*/ 1493015 w 1597949"/>
                  <a:gd name="connsiteY69" fmla="*/ 154254 h 254396"/>
                  <a:gd name="connsiteX70" fmla="*/ 1430351 w 1597949"/>
                  <a:gd name="connsiteY70" fmla="*/ 120430 h 254396"/>
                  <a:gd name="connsiteX71" fmla="*/ 1411440 w 1597949"/>
                  <a:gd name="connsiteY71" fmla="*/ 73596 h 254396"/>
                  <a:gd name="connsiteX72" fmla="*/ 1438879 w 1597949"/>
                  <a:gd name="connsiteY72" fmla="*/ 18957 h 254396"/>
                  <a:gd name="connsiteX73" fmla="*/ 1509330 w 1597949"/>
                  <a:gd name="connsiteY73" fmla="*/ 0 h 254396"/>
                  <a:gd name="connsiteX74" fmla="*/ 97518 w 1597949"/>
                  <a:gd name="connsiteY74" fmla="*/ 0 h 254396"/>
                  <a:gd name="connsiteX75" fmla="*/ 166857 w 1597949"/>
                  <a:gd name="connsiteY75" fmla="*/ 8966 h 254396"/>
                  <a:gd name="connsiteX76" fmla="*/ 166857 w 1597949"/>
                  <a:gd name="connsiteY76" fmla="*/ 55661 h 254396"/>
                  <a:gd name="connsiteX77" fmla="*/ 104564 w 1597949"/>
                  <a:gd name="connsiteY77" fmla="*/ 42213 h 254396"/>
                  <a:gd name="connsiteX78" fmla="*/ 64147 w 1597949"/>
                  <a:gd name="connsiteY78" fmla="*/ 64626 h 254396"/>
                  <a:gd name="connsiteX79" fmla="*/ 72675 w 1597949"/>
                  <a:gd name="connsiteY79" fmla="*/ 78448 h 254396"/>
                  <a:gd name="connsiteX80" fmla="*/ 109755 w 1597949"/>
                  <a:gd name="connsiteY80" fmla="*/ 97126 h 254396"/>
                  <a:gd name="connsiteX81" fmla="*/ 169082 w 1597949"/>
                  <a:gd name="connsiteY81" fmla="*/ 131494 h 254396"/>
                  <a:gd name="connsiteX82" fmla="*/ 186509 w 1597949"/>
                  <a:gd name="connsiteY82" fmla="*/ 176695 h 254396"/>
                  <a:gd name="connsiteX83" fmla="*/ 152025 w 1597949"/>
                  <a:gd name="connsiteY83" fmla="*/ 237212 h 254396"/>
                  <a:gd name="connsiteX84" fmla="*/ 80462 w 1597949"/>
                  <a:gd name="connsiteY84" fmla="*/ 254396 h 254396"/>
                  <a:gd name="connsiteX85" fmla="*/ 4820 w 1597949"/>
                  <a:gd name="connsiteY85" fmla="*/ 244683 h 254396"/>
                  <a:gd name="connsiteX86" fmla="*/ 4820 w 1597949"/>
                  <a:gd name="connsiteY86" fmla="*/ 196494 h 254396"/>
                  <a:gd name="connsiteX87" fmla="*/ 77496 w 1597949"/>
                  <a:gd name="connsiteY87" fmla="*/ 209568 h 254396"/>
                  <a:gd name="connsiteX88" fmla="*/ 120878 w 1597949"/>
                  <a:gd name="connsiteY88" fmla="*/ 186781 h 254396"/>
                  <a:gd name="connsiteX89" fmla="*/ 114204 w 1597949"/>
                  <a:gd name="connsiteY89" fmla="*/ 172212 h 254396"/>
                  <a:gd name="connsiteX90" fmla="*/ 81574 w 1597949"/>
                  <a:gd name="connsiteY90" fmla="*/ 154655 h 254396"/>
                  <a:gd name="connsiteX91" fmla="*/ 18910 w 1597949"/>
                  <a:gd name="connsiteY91" fmla="*/ 120661 h 254396"/>
                  <a:gd name="connsiteX92" fmla="*/ 0 w 1597949"/>
                  <a:gd name="connsiteY92" fmla="*/ 73965 h 254396"/>
                  <a:gd name="connsiteX93" fmla="*/ 27438 w 1597949"/>
                  <a:gd name="connsiteY93" fmla="*/ 19052 h 254396"/>
                  <a:gd name="connsiteX94" fmla="*/ 97518 w 1597949"/>
                  <a:gd name="connsiteY94" fmla="*/ 0 h 25439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</a:cxnLst>
                <a:rect l="l" t="t" r="r" b="b"/>
                <a:pathLst>
                  <a:path w="1597949" h="254396">
                    <a:moveTo>
                      <a:pt x="1157347" y="4931"/>
                    </a:moveTo>
                    <a:lnTo>
                      <a:pt x="1235941" y="4931"/>
                    </a:lnTo>
                    <a:lnTo>
                      <a:pt x="1319354" y="168700"/>
                    </a:lnTo>
                    <a:lnTo>
                      <a:pt x="1319354" y="4931"/>
                    </a:lnTo>
                    <a:lnTo>
                      <a:pt x="1366807" y="4931"/>
                    </a:lnTo>
                    <a:lnTo>
                      <a:pt x="1366807" y="249463"/>
                    </a:lnTo>
                    <a:lnTo>
                      <a:pt x="1291179" y="249463"/>
                    </a:lnTo>
                    <a:lnTo>
                      <a:pt x="1205170" y="83451"/>
                    </a:lnTo>
                    <a:lnTo>
                      <a:pt x="1205170" y="249463"/>
                    </a:lnTo>
                    <a:lnTo>
                      <a:pt x="1157347" y="249463"/>
                    </a:lnTo>
                    <a:close/>
                    <a:moveTo>
                      <a:pt x="936042" y="4931"/>
                    </a:moveTo>
                    <a:lnTo>
                      <a:pt x="1110117" y="4931"/>
                    </a:lnTo>
                    <a:lnTo>
                      <a:pt x="1110117" y="49052"/>
                    </a:lnTo>
                    <a:lnTo>
                      <a:pt x="1001367" y="49052"/>
                    </a:lnTo>
                    <a:lnTo>
                      <a:pt x="1001367" y="104015"/>
                    </a:lnTo>
                    <a:lnTo>
                      <a:pt x="1096013" y="104015"/>
                    </a:lnTo>
                    <a:lnTo>
                      <a:pt x="1096013" y="144771"/>
                    </a:lnTo>
                    <a:lnTo>
                      <a:pt x="1001367" y="144771"/>
                    </a:lnTo>
                    <a:lnTo>
                      <a:pt x="1001367" y="202725"/>
                    </a:lnTo>
                    <a:lnTo>
                      <a:pt x="1112716" y="202725"/>
                    </a:lnTo>
                    <a:lnTo>
                      <a:pt x="1112716" y="249463"/>
                    </a:lnTo>
                    <a:lnTo>
                      <a:pt x="936042" y="249463"/>
                    </a:lnTo>
                    <a:close/>
                    <a:moveTo>
                      <a:pt x="577034" y="4931"/>
                    </a:moveTo>
                    <a:lnTo>
                      <a:pt x="665266" y="4931"/>
                    </a:lnTo>
                    <a:lnTo>
                      <a:pt x="725949" y="160843"/>
                    </a:lnTo>
                    <a:lnTo>
                      <a:pt x="789611" y="4931"/>
                    </a:lnTo>
                    <a:lnTo>
                      <a:pt x="873375" y="4931"/>
                    </a:lnTo>
                    <a:lnTo>
                      <a:pt x="873375" y="248870"/>
                    </a:lnTo>
                    <a:lnTo>
                      <a:pt x="808225" y="248870"/>
                    </a:lnTo>
                    <a:lnTo>
                      <a:pt x="808225" y="75800"/>
                    </a:lnTo>
                    <a:lnTo>
                      <a:pt x="737118" y="251108"/>
                    </a:lnTo>
                    <a:lnTo>
                      <a:pt x="694677" y="251108"/>
                    </a:lnTo>
                    <a:lnTo>
                      <a:pt x="625059" y="75800"/>
                    </a:lnTo>
                    <a:lnTo>
                      <a:pt x="625059" y="248870"/>
                    </a:lnTo>
                    <a:lnTo>
                      <a:pt x="577034" y="248870"/>
                    </a:lnTo>
                    <a:close/>
                    <a:moveTo>
                      <a:pt x="355729" y="4931"/>
                    </a:moveTo>
                    <a:lnTo>
                      <a:pt x="530170" y="4931"/>
                    </a:lnTo>
                    <a:lnTo>
                      <a:pt x="530170" y="49052"/>
                    </a:lnTo>
                    <a:lnTo>
                      <a:pt x="420819" y="49052"/>
                    </a:lnTo>
                    <a:lnTo>
                      <a:pt x="420819" y="104015"/>
                    </a:lnTo>
                    <a:lnTo>
                      <a:pt x="516036" y="104015"/>
                    </a:lnTo>
                    <a:lnTo>
                      <a:pt x="516036" y="144771"/>
                    </a:lnTo>
                    <a:lnTo>
                      <a:pt x="420819" y="144771"/>
                    </a:lnTo>
                    <a:lnTo>
                      <a:pt x="420819" y="202725"/>
                    </a:lnTo>
                    <a:lnTo>
                      <a:pt x="532402" y="202725"/>
                    </a:lnTo>
                    <a:lnTo>
                      <a:pt x="532402" y="249463"/>
                    </a:lnTo>
                    <a:lnTo>
                      <a:pt x="355729" y="249463"/>
                    </a:lnTo>
                    <a:close/>
                    <a:moveTo>
                      <a:pt x="226224" y="4931"/>
                    </a:moveTo>
                    <a:lnTo>
                      <a:pt x="293068" y="4931"/>
                    </a:lnTo>
                    <a:lnTo>
                      <a:pt x="293068" y="249464"/>
                    </a:lnTo>
                    <a:lnTo>
                      <a:pt x="259646" y="249464"/>
                    </a:lnTo>
                    <a:lnTo>
                      <a:pt x="226224" y="249464"/>
                    </a:lnTo>
                    <a:close/>
                    <a:moveTo>
                      <a:pt x="1509330" y="0"/>
                    </a:moveTo>
                    <a:cubicBezTo>
                      <a:pt x="1525645" y="0"/>
                      <a:pt x="1546780" y="2230"/>
                      <a:pt x="1573106" y="7806"/>
                    </a:cubicBezTo>
                    <a:lnTo>
                      <a:pt x="1579039" y="8921"/>
                    </a:lnTo>
                    <a:lnTo>
                      <a:pt x="1579039" y="55011"/>
                    </a:lnTo>
                    <a:cubicBezTo>
                      <a:pt x="1556421" y="46090"/>
                      <a:pt x="1535285" y="41630"/>
                      <a:pt x="1516004" y="41630"/>
                    </a:cubicBezTo>
                    <a:cubicBezTo>
                      <a:pt x="1488565" y="41630"/>
                      <a:pt x="1475217" y="49064"/>
                      <a:pt x="1475217" y="63932"/>
                    </a:cubicBezTo>
                    <a:cubicBezTo>
                      <a:pt x="1475217" y="69507"/>
                      <a:pt x="1477812" y="73968"/>
                      <a:pt x="1483745" y="78056"/>
                    </a:cubicBezTo>
                    <a:cubicBezTo>
                      <a:pt x="1488195" y="81030"/>
                      <a:pt x="1500431" y="86977"/>
                      <a:pt x="1521195" y="96641"/>
                    </a:cubicBezTo>
                    <a:cubicBezTo>
                      <a:pt x="1550488" y="109279"/>
                      <a:pt x="1570511" y="120801"/>
                      <a:pt x="1580522" y="130837"/>
                    </a:cubicBezTo>
                    <a:cubicBezTo>
                      <a:pt x="1592017" y="142360"/>
                      <a:pt x="1597949" y="157228"/>
                      <a:pt x="1597949" y="175812"/>
                    </a:cubicBezTo>
                    <a:cubicBezTo>
                      <a:pt x="1597949" y="202203"/>
                      <a:pt x="1586455" y="221903"/>
                      <a:pt x="1563466" y="236027"/>
                    </a:cubicBezTo>
                    <a:cubicBezTo>
                      <a:pt x="1544555" y="247178"/>
                      <a:pt x="1520824" y="252753"/>
                      <a:pt x="1491532" y="252753"/>
                    </a:cubicBezTo>
                    <a:cubicBezTo>
                      <a:pt x="1466689" y="252753"/>
                      <a:pt x="1441475" y="249780"/>
                      <a:pt x="1415890" y="243833"/>
                    </a:cubicBezTo>
                    <a:lnTo>
                      <a:pt x="1415890" y="195884"/>
                    </a:lnTo>
                    <a:cubicBezTo>
                      <a:pt x="1442958" y="204433"/>
                      <a:pt x="1467059" y="208893"/>
                      <a:pt x="1488565" y="208893"/>
                    </a:cubicBezTo>
                    <a:cubicBezTo>
                      <a:pt x="1517487" y="208893"/>
                      <a:pt x="1532319" y="201459"/>
                      <a:pt x="1532319" y="186220"/>
                    </a:cubicBezTo>
                    <a:cubicBezTo>
                      <a:pt x="1532319" y="180273"/>
                      <a:pt x="1530465" y="175812"/>
                      <a:pt x="1526386" y="171724"/>
                    </a:cubicBezTo>
                    <a:cubicBezTo>
                      <a:pt x="1521937" y="167635"/>
                      <a:pt x="1510813" y="161688"/>
                      <a:pt x="1493015" y="154254"/>
                    </a:cubicBezTo>
                    <a:cubicBezTo>
                      <a:pt x="1461127" y="141245"/>
                      <a:pt x="1440362" y="129722"/>
                      <a:pt x="1430351" y="120430"/>
                    </a:cubicBezTo>
                    <a:cubicBezTo>
                      <a:pt x="1418115" y="108535"/>
                      <a:pt x="1411440" y="92552"/>
                      <a:pt x="1411440" y="73596"/>
                    </a:cubicBezTo>
                    <a:cubicBezTo>
                      <a:pt x="1411440" y="49807"/>
                      <a:pt x="1420339" y="31223"/>
                      <a:pt x="1438879" y="18957"/>
                    </a:cubicBezTo>
                    <a:cubicBezTo>
                      <a:pt x="1456677" y="6319"/>
                      <a:pt x="1480779" y="0"/>
                      <a:pt x="1509330" y="0"/>
                    </a:cubicBezTo>
                    <a:close/>
                    <a:moveTo>
                      <a:pt x="97518" y="0"/>
                    </a:moveTo>
                    <a:cubicBezTo>
                      <a:pt x="113463" y="0"/>
                      <a:pt x="136823" y="2989"/>
                      <a:pt x="166857" y="8966"/>
                    </a:cubicBezTo>
                    <a:lnTo>
                      <a:pt x="166857" y="55661"/>
                    </a:lnTo>
                    <a:cubicBezTo>
                      <a:pt x="144609" y="46695"/>
                      <a:pt x="123845" y="42213"/>
                      <a:pt x="104564" y="42213"/>
                    </a:cubicBezTo>
                    <a:cubicBezTo>
                      <a:pt x="77496" y="42213"/>
                      <a:pt x="64147" y="49684"/>
                      <a:pt x="64147" y="64626"/>
                    </a:cubicBezTo>
                    <a:cubicBezTo>
                      <a:pt x="64147" y="70230"/>
                      <a:pt x="67113" y="74712"/>
                      <a:pt x="72675" y="78448"/>
                    </a:cubicBezTo>
                    <a:cubicBezTo>
                      <a:pt x="77125" y="81437"/>
                      <a:pt x="89732" y="87414"/>
                      <a:pt x="109755" y="97126"/>
                    </a:cubicBezTo>
                    <a:cubicBezTo>
                      <a:pt x="139789" y="110201"/>
                      <a:pt x="159441" y="121408"/>
                      <a:pt x="169082" y="131494"/>
                    </a:cubicBezTo>
                    <a:cubicBezTo>
                      <a:pt x="180947" y="142701"/>
                      <a:pt x="186509" y="158017"/>
                      <a:pt x="186509" y="176695"/>
                    </a:cubicBezTo>
                    <a:cubicBezTo>
                      <a:pt x="186509" y="203218"/>
                      <a:pt x="175014" y="223016"/>
                      <a:pt x="152025" y="237212"/>
                    </a:cubicBezTo>
                    <a:cubicBezTo>
                      <a:pt x="133856" y="248792"/>
                      <a:pt x="109384" y="254396"/>
                      <a:pt x="80462" y="254396"/>
                    </a:cubicBezTo>
                    <a:cubicBezTo>
                      <a:pt x="55619" y="253648"/>
                      <a:pt x="30405" y="250660"/>
                      <a:pt x="4820" y="244683"/>
                    </a:cubicBezTo>
                    <a:lnTo>
                      <a:pt x="4820" y="196494"/>
                    </a:lnTo>
                    <a:cubicBezTo>
                      <a:pt x="32259" y="205085"/>
                      <a:pt x="56731" y="209568"/>
                      <a:pt x="77496" y="209568"/>
                    </a:cubicBezTo>
                    <a:cubicBezTo>
                      <a:pt x="106047" y="209568"/>
                      <a:pt x="120878" y="202097"/>
                      <a:pt x="120878" y="186781"/>
                    </a:cubicBezTo>
                    <a:cubicBezTo>
                      <a:pt x="120878" y="180804"/>
                      <a:pt x="119025" y="176321"/>
                      <a:pt x="114204" y="172212"/>
                    </a:cubicBezTo>
                    <a:cubicBezTo>
                      <a:pt x="109755" y="168103"/>
                      <a:pt x="99002" y="162126"/>
                      <a:pt x="81574" y="154655"/>
                    </a:cubicBezTo>
                    <a:cubicBezTo>
                      <a:pt x="49686" y="141580"/>
                      <a:pt x="28922" y="130000"/>
                      <a:pt x="18910" y="120661"/>
                    </a:cubicBezTo>
                    <a:cubicBezTo>
                      <a:pt x="6303" y="107959"/>
                      <a:pt x="0" y="92643"/>
                      <a:pt x="0" y="73965"/>
                    </a:cubicBezTo>
                    <a:cubicBezTo>
                      <a:pt x="0" y="50057"/>
                      <a:pt x="8899" y="31379"/>
                      <a:pt x="27438" y="19052"/>
                    </a:cubicBezTo>
                    <a:cubicBezTo>
                      <a:pt x="45237" y="6351"/>
                      <a:pt x="68967" y="0"/>
                      <a:pt x="97518" y="0"/>
                    </a:cubicBezTo>
                    <a:close/>
                  </a:path>
                </a:pathLst>
              </a:custGeom>
              <a:solidFill>
                <a:srgbClr val="009999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253" name="Freihandform 252"/>
              <p:cNvSpPr>
                <a:spLocks noChangeAspect="1" noChangeArrowheads="1"/>
              </p:cNvSpPr>
              <p:nvPr/>
            </p:nvSpPr>
            <p:spPr bwMode="gray">
              <a:xfrm>
                <a:off x="6613648" y="2798826"/>
                <a:ext cx="2292197" cy="316855"/>
              </a:xfrm>
              <a:custGeom>
                <a:avLst/>
                <a:gdLst>
                  <a:gd name="connsiteX0" fmla="*/ 561040 w 2292197"/>
                  <a:gd name="connsiteY0" fmla="*/ 133276 h 316856"/>
                  <a:gd name="connsiteX1" fmla="*/ 514756 w 2292197"/>
                  <a:gd name="connsiteY1" fmla="*/ 208959 h 316856"/>
                  <a:gd name="connsiteX2" fmla="*/ 553264 w 2292197"/>
                  <a:gd name="connsiteY2" fmla="*/ 272711 h 316856"/>
                  <a:gd name="connsiteX3" fmla="*/ 587329 w 2292197"/>
                  <a:gd name="connsiteY3" fmla="*/ 241394 h 316856"/>
                  <a:gd name="connsiteX4" fmla="*/ 587329 w 2292197"/>
                  <a:gd name="connsiteY4" fmla="*/ 137750 h 316856"/>
                  <a:gd name="connsiteX5" fmla="*/ 561040 w 2292197"/>
                  <a:gd name="connsiteY5" fmla="*/ 133276 h 316856"/>
                  <a:gd name="connsiteX6" fmla="*/ 1864005 w 2292197"/>
                  <a:gd name="connsiteY6" fmla="*/ 131508 h 316856"/>
                  <a:gd name="connsiteX7" fmla="*/ 1819277 w 2292197"/>
                  <a:gd name="connsiteY7" fmla="*/ 188681 h 316856"/>
                  <a:gd name="connsiteX8" fmla="*/ 1885623 w 2292197"/>
                  <a:gd name="connsiteY8" fmla="*/ 152434 h 316856"/>
                  <a:gd name="connsiteX9" fmla="*/ 1864005 w 2292197"/>
                  <a:gd name="connsiteY9" fmla="*/ 131508 h 316856"/>
                  <a:gd name="connsiteX10" fmla="*/ 1660732 w 2292197"/>
                  <a:gd name="connsiteY10" fmla="*/ 131508 h 316856"/>
                  <a:gd name="connsiteX11" fmla="*/ 1615632 w 2292197"/>
                  <a:gd name="connsiteY11" fmla="*/ 188681 h 316856"/>
                  <a:gd name="connsiteX12" fmla="*/ 1681977 w 2292197"/>
                  <a:gd name="connsiteY12" fmla="*/ 152434 h 316856"/>
                  <a:gd name="connsiteX13" fmla="*/ 1660732 w 2292197"/>
                  <a:gd name="connsiteY13" fmla="*/ 131508 h 316856"/>
                  <a:gd name="connsiteX14" fmla="*/ 351674 w 2292197"/>
                  <a:gd name="connsiteY14" fmla="*/ 131508 h 316856"/>
                  <a:gd name="connsiteX15" fmla="*/ 306574 w 2292197"/>
                  <a:gd name="connsiteY15" fmla="*/ 188681 h 316856"/>
                  <a:gd name="connsiteX16" fmla="*/ 372919 w 2292197"/>
                  <a:gd name="connsiteY16" fmla="*/ 152434 h 316856"/>
                  <a:gd name="connsiteX17" fmla="*/ 351674 w 2292197"/>
                  <a:gd name="connsiteY17" fmla="*/ 131508 h 316856"/>
                  <a:gd name="connsiteX18" fmla="*/ 1234395 w 2292197"/>
                  <a:gd name="connsiteY18" fmla="*/ 96976 h 316856"/>
                  <a:gd name="connsiteX19" fmla="*/ 1293037 w 2292197"/>
                  <a:gd name="connsiteY19" fmla="*/ 96976 h 316856"/>
                  <a:gd name="connsiteX20" fmla="*/ 1293037 w 2292197"/>
                  <a:gd name="connsiteY20" fmla="*/ 310280 h 316856"/>
                  <a:gd name="connsiteX21" fmla="*/ 1263529 w 2292197"/>
                  <a:gd name="connsiteY21" fmla="*/ 310280 h 316856"/>
                  <a:gd name="connsiteX22" fmla="*/ 1234395 w 2292197"/>
                  <a:gd name="connsiteY22" fmla="*/ 310280 h 316856"/>
                  <a:gd name="connsiteX23" fmla="*/ 2081174 w 2292197"/>
                  <a:gd name="connsiteY23" fmla="*/ 90402 h 316856"/>
                  <a:gd name="connsiteX24" fmla="*/ 2115969 w 2292197"/>
                  <a:gd name="connsiteY24" fmla="*/ 97838 h 316856"/>
                  <a:gd name="connsiteX25" fmla="*/ 2105604 w 2292197"/>
                  <a:gd name="connsiteY25" fmla="*/ 148028 h 316856"/>
                  <a:gd name="connsiteX26" fmla="*/ 2075991 w 2292197"/>
                  <a:gd name="connsiteY26" fmla="*/ 140593 h 316856"/>
                  <a:gd name="connsiteX27" fmla="*/ 2040826 w 2292197"/>
                  <a:gd name="connsiteY27" fmla="*/ 176656 h 316856"/>
                  <a:gd name="connsiteX28" fmla="*/ 2040826 w 2292197"/>
                  <a:gd name="connsiteY28" fmla="*/ 308638 h 316856"/>
                  <a:gd name="connsiteX29" fmla="*/ 1982710 w 2292197"/>
                  <a:gd name="connsiteY29" fmla="*/ 308638 h 316856"/>
                  <a:gd name="connsiteX30" fmla="*/ 1982710 w 2292197"/>
                  <a:gd name="connsiteY30" fmla="*/ 133157 h 316856"/>
                  <a:gd name="connsiteX31" fmla="*/ 1978638 w 2292197"/>
                  <a:gd name="connsiteY31" fmla="*/ 96351 h 316856"/>
                  <a:gd name="connsiteX32" fmla="*/ 2025649 w 2292197"/>
                  <a:gd name="connsiteY32" fmla="*/ 96351 h 316856"/>
                  <a:gd name="connsiteX33" fmla="*/ 2031202 w 2292197"/>
                  <a:gd name="connsiteY33" fmla="*/ 126837 h 316856"/>
                  <a:gd name="connsiteX34" fmla="*/ 2081174 w 2292197"/>
                  <a:gd name="connsiteY34" fmla="*/ 90402 h 316856"/>
                  <a:gd name="connsiteX35" fmla="*/ 1866986 w 2292197"/>
                  <a:gd name="connsiteY35" fmla="*/ 90402 h 316856"/>
                  <a:gd name="connsiteX36" fmla="*/ 1937059 w 2292197"/>
                  <a:gd name="connsiteY36" fmla="*/ 152060 h 316856"/>
                  <a:gd name="connsiteX37" fmla="*/ 1821141 w 2292197"/>
                  <a:gd name="connsiteY37" fmla="*/ 230534 h 316856"/>
                  <a:gd name="connsiteX38" fmla="*/ 1869595 w 2292197"/>
                  <a:gd name="connsiteY38" fmla="*/ 272013 h 316856"/>
                  <a:gd name="connsiteX39" fmla="*/ 1922150 w 2292197"/>
                  <a:gd name="connsiteY39" fmla="*/ 254076 h 316856"/>
                  <a:gd name="connsiteX40" fmla="*/ 1938923 w 2292197"/>
                  <a:gd name="connsiteY40" fmla="*/ 293313 h 316856"/>
                  <a:gd name="connsiteX41" fmla="*/ 1862141 w 2292197"/>
                  <a:gd name="connsiteY41" fmla="*/ 316855 h 316856"/>
                  <a:gd name="connsiteX42" fmla="*/ 1762250 w 2292197"/>
                  <a:gd name="connsiteY42" fmla="*/ 208487 h 316856"/>
                  <a:gd name="connsiteX43" fmla="*/ 1866986 w 2292197"/>
                  <a:gd name="connsiteY43" fmla="*/ 90402 h 316856"/>
                  <a:gd name="connsiteX44" fmla="*/ 1663713 w 2292197"/>
                  <a:gd name="connsiteY44" fmla="*/ 90402 h 316856"/>
                  <a:gd name="connsiteX45" fmla="*/ 1733413 w 2292197"/>
                  <a:gd name="connsiteY45" fmla="*/ 152060 h 316856"/>
                  <a:gd name="connsiteX46" fmla="*/ 1617868 w 2292197"/>
                  <a:gd name="connsiteY46" fmla="*/ 230534 h 316856"/>
                  <a:gd name="connsiteX47" fmla="*/ 1666322 w 2292197"/>
                  <a:gd name="connsiteY47" fmla="*/ 272013 h 316856"/>
                  <a:gd name="connsiteX48" fmla="*/ 1718504 w 2292197"/>
                  <a:gd name="connsiteY48" fmla="*/ 254076 h 316856"/>
                  <a:gd name="connsiteX49" fmla="*/ 1735650 w 2292197"/>
                  <a:gd name="connsiteY49" fmla="*/ 293313 h 316856"/>
                  <a:gd name="connsiteX50" fmla="*/ 1658495 w 2292197"/>
                  <a:gd name="connsiteY50" fmla="*/ 316855 h 316856"/>
                  <a:gd name="connsiteX51" fmla="*/ 1558977 w 2292197"/>
                  <a:gd name="connsiteY51" fmla="*/ 208487 h 316856"/>
                  <a:gd name="connsiteX52" fmla="*/ 1663713 w 2292197"/>
                  <a:gd name="connsiteY52" fmla="*/ 90402 h 316856"/>
                  <a:gd name="connsiteX53" fmla="*/ 1457145 w 2292197"/>
                  <a:gd name="connsiteY53" fmla="*/ 90402 h 316856"/>
                  <a:gd name="connsiteX54" fmla="*/ 1524180 w 2292197"/>
                  <a:gd name="connsiteY54" fmla="*/ 164015 h 316856"/>
                  <a:gd name="connsiteX55" fmla="*/ 1524180 w 2292197"/>
                  <a:gd name="connsiteY55" fmla="*/ 308638 h 316856"/>
                  <a:gd name="connsiteX56" fmla="*/ 1465710 w 2292197"/>
                  <a:gd name="connsiteY56" fmla="*/ 308638 h 316856"/>
                  <a:gd name="connsiteX57" fmla="*/ 1465710 w 2292197"/>
                  <a:gd name="connsiteY57" fmla="*/ 174797 h 316856"/>
                  <a:gd name="connsiteX58" fmla="*/ 1439641 w 2292197"/>
                  <a:gd name="connsiteY58" fmla="*/ 134644 h 316856"/>
                  <a:gd name="connsiteX59" fmla="*/ 1403516 w 2292197"/>
                  <a:gd name="connsiteY59" fmla="*/ 172566 h 316856"/>
                  <a:gd name="connsiteX60" fmla="*/ 1403516 w 2292197"/>
                  <a:gd name="connsiteY60" fmla="*/ 308638 h 316856"/>
                  <a:gd name="connsiteX61" fmla="*/ 1345047 w 2292197"/>
                  <a:gd name="connsiteY61" fmla="*/ 308638 h 316856"/>
                  <a:gd name="connsiteX62" fmla="*/ 1345047 w 2292197"/>
                  <a:gd name="connsiteY62" fmla="*/ 135760 h 316856"/>
                  <a:gd name="connsiteX63" fmla="*/ 1340950 w 2292197"/>
                  <a:gd name="connsiteY63" fmla="*/ 96351 h 316856"/>
                  <a:gd name="connsiteX64" fmla="*/ 1389737 w 2292197"/>
                  <a:gd name="connsiteY64" fmla="*/ 96351 h 316856"/>
                  <a:gd name="connsiteX65" fmla="*/ 1393834 w 2292197"/>
                  <a:gd name="connsiteY65" fmla="*/ 121632 h 316856"/>
                  <a:gd name="connsiteX66" fmla="*/ 1457145 w 2292197"/>
                  <a:gd name="connsiteY66" fmla="*/ 90402 h 316856"/>
                  <a:gd name="connsiteX67" fmla="*/ 568075 w 2292197"/>
                  <a:gd name="connsiteY67" fmla="*/ 90402 h 316856"/>
                  <a:gd name="connsiteX68" fmla="*/ 644721 w 2292197"/>
                  <a:gd name="connsiteY68" fmla="*/ 105688 h 316856"/>
                  <a:gd name="connsiteX69" fmla="*/ 644721 w 2292197"/>
                  <a:gd name="connsiteY69" fmla="*/ 266746 h 316856"/>
                  <a:gd name="connsiteX70" fmla="*/ 648794 w 2292197"/>
                  <a:gd name="connsiteY70" fmla="*/ 309247 h 316856"/>
                  <a:gd name="connsiteX71" fmla="*/ 599178 w 2292197"/>
                  <a:gd name="connsiteY71" fmla="*/ 309247 h 316856"/>
                  <a:gd name="connsiteX72" fmla="*/ 596215 w 2292197"/>
                  <a:gd name="connsiteY72" fmla="*/ 287624 h 316856"/>
                  <a:gd name="connsiteX73" fmla="*/ 594364 w 2292197"/>
                  <a:gd name="connsiteY73" fmla="*/ 287251 h 316856"/>
                  <a:gd name="connsiteX74" fmla="*/ 538083 w 2292197"/>
                  <a:gd name="connsiteY74" fmla="*/ 315212 h 316856"/>
                  <a:gd name="connsiteX75" fmla="*/ 457365 w 2292197"/>
                  <a:gd name="connsiteY75" fmla="*/ 212314 h 316856"/>
                  <a:gd name="connsiteX76" fmla="*/ 568075 w 2292197"/>
                  <a:gd name="connsiteY76" fmla="*/ 90402 h 316856"/>
                  <a:gd name="connsiteX77" fmla="*/ 353910 w 2292197"/>
                  <a:gd name="connsiteY77" fmla="*/ 90402 h 316856"/>
                  <a:gd name="connsiteX78" fmla="*/ 423983 w 2292197"/>
                  <a:gd name="connsiteY78" fmla="*/ 152060 h 316856"/>
                  <a:gd name="connsiteX79" fmla="*/ 308065 w 2292197"/>
                  <a:gd name="connsiteY79" fmla="*/ 230534 h 316856"/>
                  <a:gd name="connsiteX80" fmla="*/ 356519 w 2292197"/>
                  <a:gd name="connsiteY80" fmla="*/ 272013 h 316856"/>
                  <a:gd name="connsiteX81" fmla="*/ 409073 w 2292197"/>
                  <a:gd name="connsiteY81" fmla="*/ 254076 h 316856"/>
                  <a:gd name="connsiteX82" fmla="*/ 425846 w 2292197"/>
                  <a:gd name="connsiteY82" fmla="*/ 293313 h 316856"/>
                  <a:gd name="connsiteX83" fmla="*/ 349065 w 2292197"/>
                  <a:gd name="connsiteY83" fmla="*/ 316855 h 316856"/>
                  <a:gd name="connsiteX84" fmla="*/ 249174 w 2292197"/>
                  <a:gd name="connsiteY84" fmla="*/ 208487 h 316856"/>
                  <a:gd name="connsiteX85" fmla="*/ 353910 w 2292197"/>
                  <a:gd name="connsiteY85" fmla="*/ 90402 h 316856"/>
                  <a:gd name="connsiteX86" fmla="*/ 2208041 w 2292197"/>
                  <a:gd name="connsiteY86" fmla="*/ 90249 h 316856"/>
                  <a:gd name="connsiteX87" fmla="*/ 2277182 w 2292197"/>
                  <a:gd name="connsiteY87" fmla="*/ 108139 h 316856"/>
                  <a:gd name="connsiteX88" fmla="*/ 2277182 w 2292197"/>
                  <a:gd name="connsiteY88" fmla="*/ 108512 h 316856"/>
                  <a:gd name="connsiteX89" fmla="*/ 2259711 w 2292197"/>
                  <a:gd name="connsiteY89" fmla="*/ 148764 h 316856"/>
                  <a:gd name="connsiteX90" fmla="*/ 2213245 w 2292197"/>
                  <a:gd name="connsiteY90" fmla="*/ 131620 h 316856"/>
                  <a:gd name="connsiteX91" fmla="*/ 2189455 w 2292197"/>
                  <a:gd name="connsiteY91" fmla="*/ 152119 h 316856"/>
                  <a:gd name="connsiteX92" fmla="*/ 2224025 w 2292197"/>
                  <a:gd name="connsiteY92" fmla="*/ 177836 h 316856"/>
                  <a:gd name="connsiteX93" fmla="*/ 2292050 w 2292197"/>
                  <a:gd name="connsiteY93" fmla="*/ 238960 h 316856"/>
                  <a:gd name="connsiteX94" fmla="*/ 2214360 w 2292197"/>
                  <a:gd name="connsiteY94" fmla="*/ 314993 h 316856"/>
                  <a:gd name="connsiteX95" fmla="*/ 2133325 w 2292197"/>
                  <a:gd name="connsiteY95" fmla="*/ 297103 h 316856"/>
                  <a:gd name="connsiteX96" fmla="*/ 2150796 w 2292197"/>
                  <a:gd name="connsiteY96" fmla="*/ 257223 h 316856"/>
                  <a:gd name="connsiteX97" fmla="*/ 2208784 w 2292197"/>
                  <a:gd name="connsiteY97" fmla="*/ 272504 h 316856"/>
                  <a:gd name="connsiteX98" fmla="*/ 2234433 w 2292197"/>
                  <a:gd name="connsiteY98" fmla="*/ 249023 h 316856"/>
                  <a:gd name="connsiteX99" fmla="*/ 2199863 w 2292197"/>
                  <a:gd name="connsiteY99" fmla="*/ 224424 h 316856"/>
                  <a:gd name="connsiteX100" fmla="*/ 2133325 w 2292197"/>
                  <a:gd name="connsiteY100" fmla="*/ 162555 h 316856"/>
                  <a:gd name="connsiteX101" fmla="*/ 2208041 w 2292197"/>
                  <a:gd name="connsiteY101" fmla="*/ 90249 h 316856"/>
                  <a:gd name="connsiteX102" fmla="*/ 1004892 w 2292197"/>
                  <a:gd name="connsiteY102" fmla="*/ 31230 h 316856"/>
                  <a:gd name="connsiteX103" fmla="*/ 1063095 w 2292197"/>
                  <a:gd name="connsiteY103" fmla="*/ 31230 h 316856"/>
                  <a:gd name="connsiteX104" fmla="*/ 1063095 w 2292197"/>
                  <a:gd name="connsiteY104" fmla="*/ 112822 h 316856"/>
                  <a:gd name="connsiteX105" fmla="*/ 1115736 w 2292197"/>
                  <a:gd name="connsiteY105" fmla="*/ 90841 h 316856"/>
                  <a:gd name="connsiteX106" fmla="*/ 1183207 w 2292197"/>
                  <a:gd name="connsiteY106" fmla="*/ 165727 h 316856"/>
                  <a:gd name="connsiteX107" fmla="*/ 1183207 w 2292197"/>
                  <a:gd name="connsiteY107" fmla="*/ 310283 h 316856"/>
                  <a:gd name="connsiteX108" fmla="*/ 1125004 w 2292197"/>
                  <a:gd name="connsiteY108" fmla="*/ 310283 h 316856"/>
                  <a:gd name="connsiteX109" fmla="*/ 1125004 w 2292197"/>
                  <a:gd name="connsiteY109" fmla="*/ 174668 h 316856"/>
                  <a:gd name="connsiteX110" fmla="*/ 1098313 w 2292197"/>
                  <a:gd name="connsiteY110" fmla="*/ 136294 h 316856"/>
                  <a:gd name="connsiteX111" fmla="*/ 1062353 w 2292197"/>
                  <a:gd name="connsiteY111" fmla="*/ 173178 h 316856"/>
                  <a:gd name="connsiteX112" fmla="*/ 1062353 w 2292197"/>
                  <a:gd name="connsiteY112" fmla="*/ 310283 h 316856"/>
                  <a:gd name="connsiteX113" fmla="*/ 1004892 w 2292197"/>
                  <a:gd name="connsiteY113" fmla="*/ 310283 h 316856"/>
                  <a:gd name="connsiteX114" fmla="*/ 842391 w 2292197"/>
                  <a:gd name="connsiteY114" fmla="*/ 31230 h 316856"/>
                  <a:gd name="connsiteX115" fmla="*/ 900136 w 2292197"/>
                  <a:gd name="connsiteY115" fmla="*/ 31230 h 316856"/>
                  <a:gd name="connsiteX116" fmla="*/ 900136 w 2292197"/>
                  <a:gd name="connsiteY116" fmla="*/ 97603 h 316856"/>
                  <a:gd name="connsiteX117" fmla="*/ 954920 w 2292197"/>
                  <a:gd name="connsiteY117" fmla="*/ 97603 h 316856"/>
                  <a:gd name="connsiteX118" fmla="*/ 954920 w 2292197"/>
                  <a:gd name="connsiteY118" fmla="*/ 143467 h 316856"/>
                  <a:gd name="connsiteX119" fmla="*/ 900877 w 2292197"/>
                  <a:gd name="connsiteY119" fmla="*/ 143467 h 316856"/>
                  <a:gd name="connsiteX120" fmla="*/ 900877 w 2292197"/>
                  <a:gd name="connsiteY120" fmla="*/ 238551 h 316856"/>
                  <a:gd name="connsiteX121" fmla="*/ 921236 w 2292197"/>
                  <a:gd name="connsiteY121" fmla="*/ 270992 h 316856"/>
                  <a:gd name="connsiteX122" fmla="*/ 946407 w 2292197"/>
                  <a:gd name="connsiteY122" fmla="*/ 264653 h 316856"/>
                  <a:gd name="connsiteX123" fmla="*/ 958622 w 2292197"/>
                  <a:gd name="connsiteY123" fmla="*/ 303433 h 316856"/>
                  <a:gd name="connsiteX124" fmla="*/ 905689 w 2292197"/>
                  <a:gd name="connsiteY124" fmla="*/ 316856 h 316856"/>
                  <a:gd name="connsiteX125" fmla="*/ 842391 w 2292197"/>
                  <a:gd name="connsiteY125" fmla="*/ 247128 h 316856"/>
                  <a:gd name="connsiteX126" fmla="*/ 842391 w 2292197"/>
                  <a:gd name="connsiteY126" fmla="*/ 143467 h 316856"/>
                  <a:gd name="connsiteX127" fmla="*/ 809816 w 2292197"/>
                  <a:gd name="connsiteY127" fmla="*/ 143467 h 316856"/>
                  <a:gd name="connsiteX128" fmla="*/ 809816 w 2292197"/>
                  <a:gd name="connsiteY128" fmla="*/ 97603 h 316856"/>
                  <a:gd name="connsiteX129" fmla="*/ 842391 w 2292197"/>
                  <a:gd name="connsiteY129" fmla="*/ 97603 h 316856"/>
                  <a:gd name="connsiteX130" fmla="*/ 698343 w 2292197"/>
                  <a:gd name="connsiteY130" fmla="*/ 31230 h 316856"/>
                  <a:gd name="connsiteX131" fmla="*/ 756722 w 2292197"/>
                  <a:gd name="connsiteY131" fmla="*/ 31230 h 316856"/>
                  <a:gd name="connsiteX132" fmla="*/ 756722 w 2292197"/>
                  <a:gd name="connsiteY132" fmla="*/ 238449 h 316856"/>
                  <a:gd name="connsiteX133" fmla="*/ 777045 w 2292197"/>
                  <a:gd name="connsiteY133" fmla="*/ 270932 h 316856"/>
                  <a:gd name="connsiteX134" fmla="*/ 802170 w 2292197"/>
                  <a:gd name="connsiteY134" fmla="*/ 264584 h 316856"/>
                  <a:gd name="connsiteX135" fmla="*/ 814364 w 2292197"/>
                  <a:gd name="connsiteY135" fmla="*/ 303415 h 316856"/>
                  <a:gd name="connsiteX136" fmla="*/ 761895 w 2292197"/>
                  <a:gd name="connsiteY136" fmla="*/ 316856 h 316856"/>
                  <a:gd name="connsiteX137" fmla="*/ 698343 w 2292197"/>
                  <a:gd name="connsiteY137" fmla="*/ 247036 h 316856"/>
                  <a:gd name="connsiteX138" fmla="*/ 0 w 2292197"/>
                  <a:gd name="connsiteY138" fmla="*/ 31230 h 316856"/>
                  <a:gd name="connsiteX139" fmla="*/ 59654 w 2292197"/>
                  <a:gd name="connsiteY139" fmla="*/ 31230 h 316856"/>
                  <a:gd name="connsiteX140" fmla="*/ 59654 w 2292197"/>
                  <a:gd name="connsiteY140" fmla="*/ 142255 h 316856"/>
                  <a:gd name="connsiteX141" fmla="*/ 145779 w 2292197"/>
                  <a:gd name="connsiteY141" fmla="*/ 142255 h 316856"/>
                  <a:gd name="connsiteX142" fmla="*/ 145779 w 2292197"/>
                  <a:gd name="connsiteY142" fmla="*/ 31230 h 316856"/>
                  <a:gd name="connsiteX143" fmla="*/ 206179 w 2292197"/>
                  <a:gd name="connsiteY143" fmla="*/ 31230 h 316856"/>
                  <a:gd name="connsiteX144" fmla="*/ 206179 w 2292197"/>
                  <a:gd name="connsiteY144" fmla="*/ 310283 h 316856"/>
                  <a:gd name="connsiteX145" fmla="*/ 145779 w 2292197"/>
                  <a:gd name="connsiteY145" fmla="*/ 310283 h 316856"/>
                  <a:gd name="connsiteX146" fmla="*/ 145779 w 2292197"/>
                  <a:gd name="connsiteY146" fmla="*/ 194787 h 316856"/>
                  <a:gd name="connsiteX147" fmla="*/ 59654 w 2292197"/>
                  <a:gd name="connsiteY147" fmla="*/ 194787 h 316856"/>
                  <a:gd name="connsiteX148" fmla="*/ 59654 w 2292197"/>
                  <a:gd name="connsiteY148" fmla="*/ 310283 h 316856"/>
                  <a:gd name="connsiteX149" fmla="*/ 0 w 2292197"/>
                  <a:gd name="connsiteY149" fmla="*/ 310283 h 316856"/>
                  <a:gd name="connsiteX150" fmla="*/ 1262898 w 2292197"/>
                  <a:gd name="connsiteY150" fmla="*/ 0 h 316856"/>
                  <a:gd name="connsiteX151" fmla="*/ 1294680 w 2292197"/>
                  <a:gd name="connsiteY151" fmla="*/ 30408 h 316856"/>
                  <a:gd name="connsiteX152" fmla="*/ 1262898 w 2292197"/>
                  <a:gd name="connsiteY152" fmla="*/ 60442 h 316856"/>
                  <a:gd name="connsiteX153" fmla="*/ 1231116 w 2292197"/>
                  <a:gd name="connsiteY153" fmla="*/ 30408 h 316856"/>
                  <a:gd name="connsiteX154" fmla="*/ 1262898 w 2292197"/>
                  <a:gd name="connsiteY154" fmla="*/ 0 h 316856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</a:cxnLst>
                <a:rect l="l" t="t" r="r" b="b"/>
                <a:pathLst>
                  <a:path w="2292197" h="316856">
                    <a:moveTo>
                      <a:pt x="561040" y="133276"/>
                    </a:moveTo>
                    <a:cubicBezTo>
                      <a:pt x="526975" y="133276"/>
                      <a:pt x="514756" y="167576"/>
                      <a:pt x="514756" y="208959"/>
                    </a:cubicBezTo>
                    <a:cubicBezTo>
                      <a:pt x="514756" y="242885"/>
                      <a:pt x="522532" y="272711"/>
                      <a:pt x="553264" y="272711"/>
                    </a:cubicBezTo>
                    <a:cubicBezTo>
                      <a:pt x="575110" y="272711"/>
                      <a:pt x="587329" y="256680"/>
                      <a:pt x="587329" y="241394"/>
                    </a:cubicBezTo>
                    <a:lnTo>
                      <a:pt x="587329" y="137750"/>
                    </a:lnTo>
                    <a:cubicBezTo>
                      <a:pt x="581775" y="135140"/>
                      <a:pt x="572148" y="133276"/>
                      <a:pt x="561040" y="133276"/>
                    </a:cubicBezTo>
                    <a:close/>
                    <a:moveTo>
                      <a:pt x="1864005" y="131508"/>
                    </a:moveTo>
                    <a:cubicBezTo>
                      <a:pt x="1835677" y="131508"/>
                      <a:pt x="1820768" y="159908"/>
                      <a:pt x="1819277" y="188681"/>
                    </a:cubicBezTo>
                    <a:cubicBezTo>
                      <a:pt x="1846486" y="187934"/>
                      <a:pt x="1885623" y="181208"/>
                      <a:pt x="1885623" y="152434"/>
                    </a:cubicBezTo>
                    <a:cubicBezTo>
                      <a:pt x="1885623" y="139355"/>
                      <a:pt x="1877795" y="131508"/>
                      <a:pt x="1864005" y="131508"/>
                    </a:cubicBezTo>
                    <a:close/>
                    <a:moveTo>
                      <a:pt x="1660732" y="131508"/>
                    </a:moveTo>
                    <a:cubicBezTo>
                      <a:pt x="1632032" y="131508"/>
                      <a:pt x="1617123" y="159908"/>
                      <a:pt x="1615632" y="188681"/>
                    </a:cubicBezTo>
                    <a:cubicBezTo>
                      <a:pt x="1643213" y="187934"/>
                      <a:pt x="1681977" y="181208"/>
                      <a:pt x="1681977" y="152434"/>
                    </a:cubicBezTo>
                    <a:cubicBezTo>
                      <a:pt x="1681977" y="139355"/>
                      <a:pt x="1673777" y="131508"/>
                      <a:pt x="1660732" y="131508"/>
                    </a:cubicBezTo>
                    <a:close/>
                    <a:moveTo>
                      <a:pt x="351674" y="131508"/>
                    </a:moveTo>
                    <a:cubicBezTo>
                      <a:pt x="322974" y="131508"/>
                      <a:pt x="308065" y="159908"/>
                      <a:pt x="306574" y="188681"/>
                    </a:cubicBezTo>
                    <a:cubicBezTo>
                      <a:pt x="334155" y="187934"/>
                      <a:pt x="372919" y="181208"/>
                      <a:pt x="372919" y="152434"/>
                    </a:cubicBezTo>
                    <a:cubicBezTo>
                      <a:pt x="372919" y="139355"/>
                      <a:pt x="364719" y="131508"/>
                      <a:pt x="351674" y="131508"/>
                    </a:cubicBezTo>
                    <a:close/>
                    <a:moveTo>
                      <a:pt x="1234395" y="96976"/>
                    </a:moveTo>
                    <a:lnTo>
                      <a:pt x="1293037" y="96976"/>
                    </a:lnTo>
                    <a:lnTo>
                      <a:pt x="1293037" y="310280"/>
                    </a:lnTo>
                    <a:lnTo>
                      <a:pt x="1263529" y="310280"/>
                    </a:lnTo>
                    <a:lnTo>
                      <a:pt x="1234395" y="310280"/>
                    </a:lnTo>
                    <a:close/>
                    <a:moveTo>
                      <a:pt x="2081174" y="90402"/>
                    </a:moveTo>
                    <a:cubicBezTo>
                      <a:pt x="2093389" y="90402"/>
                      <a:pt x="2105975" y="92261"/>
                      <a:pt x="2115969" y="97838"/>
                    </a:cubicBezTo>
                    <a:lnTo>
                      <a:pt x="2105604" y="148028"/>
                    </a:lnTo>
                    <a:cubicBezTo>
                      <a:pt x="2096721" y="143567"/>
                      <a:pt x="2086726" y="140593"/>
                      <a:pt x="2075991" y="140593"/>
                    </a:cubicBezTo>
                    <a:cubicBezTo>
                      <a:pt x="2054892" y="140593"/>
                      <a:pt x="2041566" y="154720"/>
                      <a:pt x="2040826" y="176656"/>
                    </a:cubicBezTo>
                    <a:lnTo>
                      <a:pt x="2040826" y="308638"/>
                    </a:lnTo>
                    <a:lnTo>
                      <a:pt x="1982710" y="308638"/>
                    </a:lnTo>
                    <a:lnTo>
                      <a:pt x="1982710" y="133157"/>
                    </a:lnTo>
                    <a:lnTo>
                      <a:pt x="1978638" y="96351"/>
                    </a:lnTo>
                    <a:lnTo>
                      <a:pt x="2025649" y="96351"/>
                    </a:lnTo>
                    <a:lnTo>
                      <a:pt x="2031202" y="126837"/>
                    </a:lnTo>
                    <a:cubicBezTo>
                      <a:pt x="2041196" y="102299"/>
                      <a:pt x="2061555" y="90402"/>
                      <a:pt x="2081174" y="90402"/>
                    </a:cubicBezTo>
                    <a:close/>
                    <a:moveTo>
                      <a:pt x="1866986" y="90402"/>
                    </a:moveTo>
                    <a:cubicBezTo>
                      <a:pt x="1909477" y="90402"/>
                      <a:pt x="1937059" y="111702"/>
                      <a:pt x="1937059" y="152060"/>
                    </a:cubicBezTo>
                    <a:cubicBezTo>
                      <a:pt x="1937059" y="215213"/>
                      <a:pt x="1872577" y="227545"/>
                      <a:pt x="1821141" y="230534"/>
                    </a:cubicBezTo>
                    <a:cubicBezTo>
                      <a:pt x="1824123" y="250713"/>
                      <a:pt x="1837541" y="272013"/>
                      <a:pt x="1869595" y="272013"/>
                    </a:cubicBezTo>
                    <a:cubicBezTo>
                      <a:pt x="1891959" y="272013"/>
                      <a:pt x="1910223" y="262297"/>
                      <a:pt x="1922150" y="254076"/>
                    </a:cubicBezTo>
                    <a:lnTo>
                      <a:pt x="1938923" y="293313"/>
                    </a:lnTo>
                    <a:cubicBezTo>
                      <a:pt x="1934077" y="297050"/>
                      <a:pt x="1904632" y="316855"/>
                      <a:pt x="1862141" y="316855"/>
                    </a:cubicBezTo>
                    <a:cubicBezTo>
                      <a:pt x="1790577" y="316855"/>
                      <a:pt x="1762250" y="271640"/>
                      <a:pt x="1762250" y="208487"/>
                    </a:cubicBezTo>
                    <a:cubicBezTo>
                      <a:pt x="1762250" y="146829"/>
                      <a:pt x="1798405" y="90402"/>
                      <a:pt x="1866986" y="90402"/>
                    </a:cubicBezTo>
                    <a:close/>
                    <a:moveTo>
                      <a:pt x="1663713" y="90402"/>
                    </a:moveTo>
                    <a:cubicBezTo>
                      <a:pt x="1706204" y="90402"/>
                      <a:pt x="1733413" y="111702"/>
                      <a:pt x="1733413" y="152060"/>
                    </a:cubicBezTo>
                    <a:cubicBezTo>
                      <a:pt x="1733413" y="215213"/>
                      <a:pt x="1669304" y="227545"/>
                      <a:pt x="1617868" y="230534"/>
                    </a:cubicBezTo>
                    <a:cubicBezTo>
                      <a:pt x="1620850" y="250713"/>
                      <a:pt x="1634268" y="272013"/>
                      <a:pt x="1666322" y="272013"/>
                    </a:cubicBezTo>
                    <a:cubicBezTo>
                      <a:pt x="1688686" y="272013"/>
                      <a:pt x="1706577" y="262297"/>
                      <a:pt x="1718504" y="254076"/>
                    </a:cubicBezTo>
                    <a:lnTo>
                      <a:pt x="1735650" y="293313"/>
                    </a:lnTo>
                    <a:cubicBezTo>
                      <a:pt x="1730431" y="297050"/>
                      <a:pt x="1700986" y="316855"/>
                      <a:pt x="1658495" y="316855"/>
                    </a:cubicBezTo>
                    <a:cubicBezTo>
                      <a:pt x="1587304" y="316855"/>
                      <a:pt x="1558977" y="271640"/>
                      <a:pt x="1558977" y="208487"/>
                    </a:cubicBezTo>
                    <a:cubicBezTo>
                      <a:pt x="1558977" y="146829"/>
                      <a:pt x="1594759" y="90402"/>
                      <a:pt x="1663713" y="90402"/>
                    </a:cubicBezTo>
                    <a:close/>
                    <a:moveTo>
                      <a:pt x="1457145" y="90402"/>
                    </a:moveTo>
                    <a:cubicBezTo>
                      <a:pt x="1498483" y="90402"/>
                      <a:pt x="1524180" y="113824"/>
                      <a:pt x="1524180" y="164015"/>
                    </a:cubicBezTo>
                    <a:lnTo>
                      <a:pt x="1524180" y="308638"/>
                    </a:lnTo>
                    <a:lnTo>
                      <a:pt x="1465710" y="308638"/>
                    </a:lnTo>
                    <a:lnTo>
                      <a:pt x="1465710" y="174797"/>
                    </a:lnTo>
                    <a:cubicBezTo>
                      <a:pt x="1465710" y="152118"/>
                      <a:pt x="1462358" y="134644"/>
                      <a:pt x="1439641" y="134644"/>
                    </a:cubicBezTo>
                    <a:cubicBezTo>
                      <a:pt x="1417668" y="134644"/>
                      <a:pt x="1403516" y="152490"/>
                      <a:pt x="1403516" y="172566"/>
                    </a:cubicBezTo>
                    <a:lnTo>
                      <a:pt x="1403516" y="308638"/>
                    </a:lnTo>
                    <a:lnTo>
                      <a:pt x="1345047" y="308638"/>
                    </a:lnTo>
                    <a:lnTo>
                      <a:pt x="1345047" y="135760"/>
                    </a:lnTo>
                    <a:lnTo>
                      <a:pt x="1340950" y="96351"/>
                    </a:lnTo>
                    <a:lnTo>
                      <a:pt x="1389737" y="96351"/>
                    </a:lnTo>
                    <a:lnTo>
                      <a:pt x="1393834" y="121632"/>
                    </a:lnTo>
                    <a:cubicBezTo>
                      <a:pt x="1407985" y="102299"/>
                      <a:pt x="1429213" y="90402"/>
                      <a:pt x="1457145" y="90402"/>
                    </a:cubicBezTo>
                    <a:close/>
                    <a:moveTo>
                      <a:pt x="568075" y="90402"/>
                    </a:moveTo>
                    <a:cubicBezTo>
                      <a:pt x="582516" y="90402"/>
                      <a:pt x="613248" y="93758"/>
                      <a:pt x="644721" y="105688"/>
                    </a:cubicBezTo>
                    <a:lnTo>
                      <a:pt x="644721" y="266746"/>
                    </a:lnTo>
                    <a:lnTo>
                      <a:pt x="648794" y="309247"/>
                    </a:lnTo>
                    <a:lnTo>
                      <a:pt x="599178" y="309247"/>
                    </a:lnTo>
                    <a:lnTo>
                      <a:pt x="596215" y="287624"/>
                    </a:lnTo>
                    <a:lnTo>
                      <a:pt x="594364" y="287251"/>
                    </a:lnTo>
                    <a:cubicBezTo>
                      <a:pt x="581775" y="306637"/>
                      <a:pt x="560670" y="315212"/>
                      <a:pt x="538083" y="315212"/>
                    </a:cubicBezTo>
                    <a:cubicBezTo>
                      <a:pt x="477730" y="315212"/>
                      <a:pt x="457365" y="269356"/>
                      <a:pt x="457365" y="212314"/>
                    </a:cubicBezTo>
                    <a:cubicBezTo>
                      <a:pt x="457365" y="138869"/>
                      <a:pt x="494021" y="90402"/>
                      <a:pt x="568075" y="90402"/>
                    </a:cubicBezTo>
                    <a:close/>
                    <a:moveTo>
                      <a:pt x="353910" y="90402"/>
                    </a:moveTo>
                    <a:cubicBezTo>
                      <a:pt x="396401" y="90402"/>
                      <a:pt x="423983" y="111702"/>
                      <a:pt x="423983" y="152060"/>
                    </a:cubicBezTo>
                    <a:cubicBezTo>
                      <a:pt x="423983" y="215213"/>
                      <a:pt x="360246" y="227545"/>
                      <a:pt x="308065" y="230534"/>
                    </a:cubicBezTo>
                    <a:cubicBezTo>
                      <a:pt x="311046" y="250713"/>
                      <a:pt x="324465" y="272013"/>
                      <a:pt x="356519" y="272013"/>
                    </a:cubicBezTo>
                    <a:cubicBezTo>
                      <a:pt x="378883" y="272013"/>
                      <a:pt x="397146" y="262297"/>
                      <a:pt x="409073" y="254076"/>
                    </a:cubicBezTo>
                    <a:lnTo>
                      <a:pt x="425846" y="293313"/>
                    </a:lnTo>
                    <a:cubicBezTo>
                      <a:pt x="421001" y="297050"/>
                      <a:pt x="391555" y="316855"/>
                      <a:pt x="349065" y="316855"/>
                    </a:cubicBezTo>
                    <a:cubicBezTo>
                      <a:pt x="277501" y="316855"/>
                      <a:pt x="249174" y="271640"/>
                      <a:pt x="249174" y="208487"/>
                    </a:cubicBezTo>
                    <a:cubicBezTo>
                      <a:pt x="249174" y="146829"/>
                      <a:pt x="285328" y="90402"/>
                      <a:pt x="353910" y="90402"/>
                    </a:cubicBezTo>
                    <a:close/>
                    <a:moveTo>
                      <a:pt x="2208041" y="90249"/>
                    </a:moveTo>
                    <a:cubicBezTo>
                      <a:pt x="2234433" y="88758"/>
                      <a:pt x="2258595" y="96212"/>
                      <a:pt x="2277182" y="108139"/>
                    </a:cubicBezTo>
                    <a:lnTo>
                      <a:pt x="2277182" y="108512"/>
                    </a:lnTo>
                    <a:lnTo>
                      <a:pt x="2259711" y="148764"/>
                    </a:lnTo>
                    <a:cubicBezTo>
                      <a:pt x="2243355" y="137210"/>
                      <a:pt x="2227742" y="131247"/>
                      <a:pt x="2213245" y="131620"/>
                    </a:cubicBezTo>
                    <a:cubicBezTo>
                      <a:pt x="2199863" y="131992"/>
                      <a:pt x="2189083" y="137956"/>
                      <a:pt x="2189455" y="152119"/>
                    </a:cubicBezTo>
                    <a:cubicBezTo>
                      <a:pt x="2190570" y="168518"/>
                      <a:pt x="2205067" y="172618"/>
                      <a:pt x="2224025" y="177836"/>
                    </a:cubicBezTo>
                    <a:cubicBezTo>
                      <a:pt x="2254878" y="185663"/>
                      <a:pt x="2289448" y="194980"/>
                      <a:pt x="2292050" y="238960"/>
                    </a:cubicBezTo>
                    <a:cubicBezTo>
                      <a:pt x="2294653" y="287040"/>
                      <a:pt x="2262684" y="312384"/>
                      <a:pt x="2214360" y="314993"/>
                    </a:cubicBezTo>
                    <a:cubicBezTo>
                      <a:pt x="2177188" y="316856"/>
                      <a:pt x="2145591" y="304930"/>
                      <a:pt x="2133325" y="297103"/>
                    </a:cubicBezTo>
                    <a:lnTo>
                      <a:pt x="2150796" y="257223"/>
                    </a:lnTo>
                    <a:cubicBezTo>
                      <a:pt x="2166036" y="265050"/>
                      <a:pt x="2189827" y="273622"/>
                      <a:pt x="2208784" y="272504"/>
                    </a:cubicBezTo>
                    <a:cubicBezTo>
                      <a:pt x="2224397" y="272131"/>
                      <a:pt x="2235177" y="265050"/>
                      <a:pt x="2234433" y="249023"/>
                    </a:cubicBezTo>
                    <a:cubicBezTo>
                      <a:pt x="2233318" y="232624"/>
                      <a:pt x="2218449" y="229270"/>
                      <a:pt x="2199863" y="224424"/>
                    </a:cubicBezTo>
                    <a:cubicBezTo>
                      <a:pt x="2167895" y="216970"/>
                      <a:pt x="2135927" y="206534"/>
                      <a:pt x="2133325" y="162555"/>
                    </a:cubicBezTo>
                    <a:cubicBezTo>
                      <a:pt x="2131094" y="118202"/>
                      <a:pt x="2164549" y="92858"/>
                      <a:pt x="2208041" y="90249"/>
                    </a:cubicBezTo>
                    <a:close/>
                    <a:moveTo>
                      <a:pt x="1004892" y="31230"/>
                    </a:moveTo>
                    <a:lnTo>
                      <a:pt x="1063095" y="31230"/>
                    </a:lnTo>
                    <a:lnTo>
                      <a:pt x="1063095" y="112822"/>
                    </a:lnTo>
                    <a:cubicBezTo>
                      <a:pt x="1076440" y="98665"/>
                      <a:pt x="1095347" y="90841"/>
                      <a:pt x="1115736" y="90841"/>
                    </a:cubicBezTo>
                    <a:cubicBezTo>
                      <a:pt x="1159481" y="90841"/>
                      <a:pt x="1183207" y="115803"/>
                      <a:pt x="1183207" y="165727"/>
                    </a:cubicBezTo>
                    <a:lnTo>
                      <a:pt x="1183207" y="310283"/>
                    </a:lnTo>
                    <a:lnTo>
                      <a:pt x="1125004" y="310283"/>
                    </a:lnTo>
                    <a:lnTo>
                      <a:pt x="1125004" y="174668"/>
                    </a:lnTo>
                    <a:cubicBezTo>
                      <a:pt x="1125004" y="153432"/>
                      <a:pt x="1120556" y="136294"/>
                      <a:pt x="1098313" y="136294"/>
                    </a:cubicBezTo>
                    <a:cubicBezTo>
                      <a:pt x="1076811" y="136294"/>
                      <a:pt x="1062353" y="153432"/>
                      <a:pt x="1062353" y="173178"/>
                    </a:cubicBezTo>
                    <a:lnTo>
                      <a:pt x="1062353" y="310283"/>
                    </a:lnTo>
                    <a:lnTo>
                      <a:pt x="1004892" y="310283"/>
                    </a:lnTo>
                    <a:close/>
                    <a:moveTo>
                      <a:pt x="842391" y="31230"/>
                    </a:moveTo>
                    <a:lnTo>
                      <a:pt x="900136" y="31230"/>
                    </a:lnTo>
                    <a:lnTo>
                      <a:pt x="900136" y="97603"/>
                    </a:lnTo>
                    <a:lnTo>
                      <a:pt x="954920" y="97603"/>
                    </a:lnTo>
                    <a:lnTo>
                      <a:pt x="954920" y="143467"/>
                    </a:lnTo>
                    <a:lnTo>
                      <a:pt x="900877" y="143467"/>
                    </a:lnTo>
                    <a:lnTo>
                      <a:pt x="900877" y="238551"/>
                    </a:lnTo>
                    <a:cubicBezTo>
                      <a:pt x="900877" y="261670"/>
                      <a:pt x="905689" y="270992"/>
                      <a:pt x="921236" y="270992"/>
                    </a:cubicBezTo>
                    <a:cubicBezTo>
                      <a:pt x="928639" y="270992"/>
                      <a:pt x="936782" y="268382"/>
                      <a:pt x="946407" y="264653"/>
                    </a:cubicBezTo>
                    <a:lnTo>
                      <a:pt x="958622" y="303433"/>
                    </a:lnTo>
                    <a:cubicBezTo>
                      <a:pt x="946407" y="311636"/>
                      <a:pt x="924197" y="316856"/>
                      <a:pt x="905689" y="316856"/>
                    </a:cubicBezTo>
                    <a:cubicBezTo>
                      <a:pt x="845722" y="316856"/>
                      <a:pt x="842391" y="282551"/>
                      <a:pt x="842391" y="247128"/>
                    </a:cubicBezTo>
                    <a:lnTo>
                      <a:pt x="842391" y="143467"/>
                    </a:lnTo>
                    <a:lnTo>
                      <a:pt x="809816" y="143467"/>
                    </a:lnTo>
                    <a:lnTo>
                      <a:pt x="809816" y="97603"/>
                    </a:lnTo>
                    <a:lnTo>
                      <a:pt x="842391" y="97603"/>
                    </a:lnTo>
                    <a:close/>
                    <a:moveTo>
                      <a:pt x="698343" y="31230"/>
                    </a:moveTo>
                    <a:lnTo>
                      <a:pt x="756722" y="31230"/>
                    </a:lnTo>
                    <a:lnTo>
                      <a:pt x="756722" y="238449"/>
                    </a:lnTo>
                    <a:cubicBezTo>
                      <a:pt x="756722" y="261597"/>
                      <a:pt x="761895" y="270932"/>
                      <a:pt x="777045" y="270932"/>
                    </a:cubicBezTo>
                    <a:cubicBezTo>
                      <a:pt x="784434" y="270932"/>
                      <a:pt x="792563" y="268318"/>
                      <a:pt x="802170" y="264584"/>
                    </a:cubicBezTo>
                    <a:lnTo>
                      <a:pt x="814364" y="303415"/>
                    </a:lnTo>
                    <a:cubicBezTo>
                      <a:pt x="802170" y="311629"/>
                      <a:pt x="780000" y="316856"/>
                      <a:pt x="761895" y="316856"/>
                    </a:cubicBezTo>
                    <a:cubicBezTo>
                      <a:pt x="702038" y="316856"/>
                      <a:pt x="698343" y="282506"/>
                      <a:pt x="698343" y="247036"/>
                    </a:cubicBezTo>
                    <a:close/>
                    <a:moveTo>
                      <a:pt x="0" y="31230"/>
                    </a:moveTo>
                    <a:lnTo>
                      <a:pt x="59654" y="31230"/>
                    </a:lnTo>
                    <a:lnTo>
                      <a:pt x="59654" y="142255"/>
                    </a:lnTo>
                    <a:lnTo>
                      <a:pt x="145779" y="142255"/>
                    </a:lnTo>
                    <a:lnTo>
                      <a:pt x="145779" y="31230"/>
                    </a:lnTo>
                    <a:lnTo>
                      <a:pt x="206179" y="31230"/>
                    </a:lnTo>
                    <a:lnTo>
                      <a:pt x="206179" y="310283"/>
                    </a:lnTo>
                    <a:lnTo>
                      <a:pt x="145779" y="310283"/>
                    </a:lnTo>
                    <a:lnTo>
                      <a:pt x="145779" y="194787"/>
                    </a:lnTo>
                    <a:lnTo>
                      <a:pt x="59654" y="194787"/>
                    </a:lnTo>
                    <a:lnTo>
                      <a:pt x="59654" y="310283"/>
                    </a:lnTo>
                    <a:lnTo>
                      <a:pt x="0" y="310283"/>
                    </a:lnTo>
                    <a:close/>
                    <a:moveTo>
                      <a:pt x="1262898" y="0"/>
                    </a:moveTo>
                    <a:cubicBezTo>
                      <a:pt x="1281745" y="0"/>
                      <a:pt x="1294680" y="13890"/>
                      <a:pt x="1294680" y="30408"/>
                    </a:cubicBezTo>
                    <a:cubicBezTo>
                      <a:pt x="1294680" y="48053"/>
                      <a:pt x="1281745" y="60442"/>
                      <a:pt x="1262898" y="60442"/>
                    </a:cubicBezTo>
                    <a:cubicBezTo>
                      <a:pt x="1243681" y="60442"/>
                      <a:pt x="1231116" y="48053"/>
                      <a:pt x="1231116" y="30408"/>
                    </a:cubicBezTo>
                    <a:cubicBezTo>
                      <a:pt x="1231116" y="13890"/>
                      <a:pt x="1244051" y="0"/>
                      <a:pt x="1262898" y="0"/>
                    </a:cubicBezTo>
                    <a:close/>
                  </a:path>
                </a:pathLst>
              </a:custGeom>
              <a:solidFill>
                <a:srgbClr val="EC6602"/>
              </a:solidFill>
              <a:ln w="9525" cap="flat">
                <a:noFill/>
                <a:bevel/>
                <a:headEnd/>
                <a:tailEnd/>
              </a:ln>
              <a:effectLst/>
            </p:spPr>
            <p:txBody>
              <a:bodyPr wrap="square" anchor="ctr">
                <a:prstTxWarp prst="textNoShape">
                  <a:avLst/>
                </a:prstTxWarp>
                <a:noAutofit/>
              </a:bodyPr>
              <a:lstStyle/>
              <a:p>
                <a:pPr defTabSz="816284">
                  <a:defRPr/>
                </a:pPr>
                <a:endParaRPr lang="en-US" sz="1574" kern="0" dirty="0">
                  <a:solidFill>
                    <a:sysClr val="windowText" lastClr="000000"/>
                  </a:solidFill>
                </a:endParaRPr>
              </a:p>
            </p:txBody>
          </p:sp>
        </p:grpSp>
      </p:grpSp>
      <p:sp>
        <p:nvSpPr>
          <p:cNvPr id="2" name="Titel 1"/>
          <p:cNvSpPr>
            <a:spLocks noGrp="1"/>
          </p:cNvSpPr>
          <p:nvPr userDrawn="1">
            <p:ph type="title" hasCustomPrompt="1"/>
          </p:nvPr>
        </p:nvSpPr>
        <p:spPr>
          <a:xfrm>
            <a:off x="482349" y="216328"/>
            <a:ext cx="9139240" cy="492329"/>
          </a:xfrm>
        </p:spPr>
        <p:txBody>
          <a:bodyPr/>
          <a:lstStyle>
            <a:lvl1pPr>
              <a:defRPr/>
            </a:lvl1pPr>
          </a:lstStyle>
          <a:p>
            <a:r>
              <a:rPr lang="en-US" dirty="0" smtClean="0"/>
              <a:t>Introduction/Table of contents</a:t>
            </a:r>
            <a:r>
              <a:rPr lang="en-US" noProof="0" dirty="0" smtClean="0"/>
              <a:t>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31261664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Content Slide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noProof="0" dirty="0" smtClean="0"/>
              <a:t>Headline, Calibri Bold, 32 </a:t>
            </a:r>
            <a:r>
              <a:rPr lang="en-US" noProof="0" dirty="0" err="1" smtClean="0"/>
              <a:t>pt</a:t>
            </a:r>
            <a:endParaRPr lang="en-US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0" hasCustomPrompt="1"/>
          </p:nvPr>
        </p:nvSpPr>
        <p:spPr>
          <a:xfrm>
            <a:off x="482350" y="1629985"/>
            <a:ext cx="11154316" cy="2307790"/>
          </a:xfrm>
        </p:spPr>
        <p:txBody>
          <a:bodyPr>
            <a:spAutoFit/>
          </a:bodyPr>
          <a:lstStyle>
            <a:lvl1pPr>
              <a:defRPr b="0">
                <a:solidFill>
                  <a:schemeClr val="tx1"/>
                </a:solidFill>
              </a:defRPr>
            </a:lvl1pPr>
          </a:lstStyle>
          <a:p>
            <a:pPr lvl="0"/>
            <a:r>
              <a:rPr lang="en-US" noProof="0" dirty="0" smtClean="0"/>
              <a:t>Subhead, Calibri, 26 </a:t>
            </a:r>
            <a:r>
              <a:rPr lang="en-US" noProof="0" dirty="0" err="1" smtClean="0"/>
              <a:t>pt</a:t>
            </a:r>
            <a:endParaRPr lang="en-US" noProof="0" dirty="0" smtClean="0"/>
          </a:p>
          <a:p>
            <a:pPr lvl="1"/>
            <a:r>
              <a:rPr lang="en-US" noProof="0" dirty="0" smtClean="0"/>
              <a:t>First level</a:t>
            </a:r>
          </a:p>
          <a:p>
            <a:pPr lvl="2"/>
            <a:r>
              <a:rPr lang="en-US" noProof="0" dirty="0" smtClean="0"/>
              <a:t>Third level</a:t>
            </a:r>
          </a:p>
          <a:p>
            <a:pPr lvl="3"/>
            <a:r>
              <a:rPr lang="en-US" noProof="0" dirty="0" smtClean="0"/>
              <a:t>Fourth level</a:t>
            </a:r>
          </a:p>
          <a:p>
            <a:pPr lvl="4"/>
            <a:r>
              <a:rPr lang="en-US" noProof="0" dirty="0" smtClean="0"/>
              <a:t>Fifth level</a:t>
            </a:r>
            <a:endParaRPr lang="en-US" noProof="0" dirty="0"/>
          </a:p>
        </p:txBody>
      </p:sp>
      <p:sp>
        <p:nvSpPr>
          <p:cNvPr id="4" name="Textplatzhalter 3"/>
          <p:cNvSpPr>
            <a:spLocks noGrp="1"/>
          </p:cNvSpPr>
          <p:nvPr>
            <p:ph type="body" sz="quarter" idx="11" hasCustomPrompt="1"/>
          </p:nvPr>
        </p:nvSpPr>
        <p:spPr>
          <a:xfrm>
            <a:off x="482350" y="6542227"/>
            <a:ext cx="5505757" cy="207749"/>
          </a:xfrm>
        </p:spPr>
        <p:txBody>
          <a:bodyPr wrap="square" anchor="b">
            <a:spAutoFit/>
          </a:bodyPr>
          <a:lstStyle>
            <a:lvl1pPr>
              <a:defRPr sz="750" b="0">
                <a:solidFill>
                  <a:srgbClr val="000000"/>
                </a:solidFill>
              </a:defRPr>
            </a:lvl1pPr>
          </a:lstStyle>
          <a:p>
            <a:pPr lvl="0"/>
            <a:r>
              <a:rPr lang="en-US" dirty="0" smtClean="0"/>
              <a:t>Footnote | Source | Disclaimer, Calibri , 10 </a:t>
            </a:r>
            <a:r>
              <a:rPr lang="en-US" dirty="0" err="1" smtClean="0"/>
              <a:t>pt</a:t>
            </a:r>
            <a:endParaRPr lang="en-US" dirty="0" smtClean="0"/>
          </a:p>
        </p:txBody>
      </p:sp>
      <p:grpSp>
        <p:nvGrpSpPr>
          <p:cNvPr id="3" name="Gruppieren 2"/>
          <p:cNvGrpSpPr/>
          <p:nvPr userDrawn="1"/>
        </p:nvGrpSpPr>
        <p:grpSpPr>
          <a:xfrm>
            <a:off x="12642623" y="2"/>
            <a:ext cx="1864485" cy="5980315"/>
            <a:chOff x="12649206" y="1"/>
            <a:chExt cx="1865457" cy="5981700"/>
          </a:xfrm>
        </p:grpSpPr>
        <p:sp>
          <p:nvSpPr>
            <p:cNvPr id="11" name="Abgerundetes Rechteck 42"/>
            <p:cNvSpPr/>
            <p:nvPr userDrawn="1"/>
          </p:nvSpPr>
          <p:spPr>
            <a:xfrm>
              <a:off x="12649206" y="1"/>
              <a:ext cx="1865457" cy="5981700"/>
            </a:xfrm>
            <a:prstGeom prst="roundRect">
              <a:avLst>
                <a:gd name="adj" fmla="val 0"/>
              </a:avLst>
            </a:prstGeom>
            <a:solidFill>
              <a:srgbClr val="A6A2A0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72000" tIns="36000" rIns="72000" bIns="36000" rtlCol="0" anchor="t"/>
            <a:lstStyle/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</a:rPr>
                <a:t>To ensure a clean and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swift workflow with </a:t>
              </a:r>
              <a:r>
                <a:rPr lang="en-US" sz="825" b="1" dirty="0">
                  <a:solidFill>
                    <a:prstClr val="black"/>
                  </a:solidFill>
                </a:rPr>
                <a:t>bullet points</a:t>
              </a:r>
              <a:r>
                <a:rPr lang="en-US" sz="825" dirty="0">
                  <a:solidFill>
                    <a:prstClr val="white"/>
                  </a:solidFill>
                </a:rPr>
                <a:t>, please use the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PRE-SET PLACEHOLDERS or FORMATTED TEXTBOXES</a:t>
              </a:r>
              <a:r>
                <a:rPr lang="en-US" sz="825" b="1" dirty="0">
                  <a:solidFill>
                    <a:prstClr val="white"/>
                  </a:solidFill>
                </a:rPr>
                <a:t>  </a:t>
              </a:r>
              <a:r>
                <a:rPr lang="en-US" sz="825" dirty="0">
                  <a:solidFill>
                    <a:prstClr val="white"/>
                  </a:solidFill>
                </a:rPr>
                <a:t>– do not use “normal” textboxes that have been added via th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 add  textbox.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se textboxes cannot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be formatted with the automatic formatting step 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  <a:sym typeface="Wingdings" panose="05000000000000000000" pitchFamily="2" charset="2"/>
                </a:rPr>
                <a:t>AUTOMATIC INDENTATIONS </a:t>
              </a: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IN PLACEHOLDERS are only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o be done using the tool decrease or increase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>the list level                </a:t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  <a:t/>
              </a:r>
              <a:br>
                <a:rPr lang="en-US" sz="825" dirty="0">
                  <a:solidFill>
                    <a:prstClr val="white"/>
                  </a:solidFill>
                  <a:sym typeface="Wingdings" panose="05000000000000000000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</a:rPr>
                <a:t>(or Shift + Alt +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</a:t>
              </a:r>
              <a:r>
                <a:rPr lang="en-US" sz="825" dirty="0">
                  <a:solidFill>
                    <a:prstClr val="white"/>
                  </a:solidFill>
                </a:rPr>
                <a:t> / </a:t>
              </a: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</a:t>
              </a:r>
              <a:r>
                <a:rPr lang="en-US" sz="825" dirty="0">
                  <a:solidFill>
                    <a:prstClr val="white"/>
                  </a:solidFill>
                </a:rPr>
                <a:t>)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b="1" dirty="0">
                  <a:solidFill>
                    <a:prstClr val="black"/>
                  </a:solidFill>
                </a:rPr>
                <a:t>Formatted textboxes/ placeholders </a:t>
              </a:r>
              <a:r>
                <a:rPr lang="en-US" sz="825" dirty="0">
                  <a:solidFill>
                    <a:prstClr val="white"/>
                  </a:solidFill>
                </a:rPr>
                <a:t>are available in the template – just make a copy OR: generate a new placeholder by following these steps </a:t>
              </a:r>
              <a:br>
                <a:rPr lang="en-US" sz="825" dirty="0">
                  <a:solidFill>
                    <a:prstClr val="white"/>
                  </a:solidFill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Start  new slid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 choose layout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"Content Slide"</a:t>
              </a:r>
            </a:p>
            <a:p>
              <a:pPr marL="133279" lvl="1" indent="-133279">
                <a:spcBef>
                  <a:spcPts val="450"/>
                </a:spcBef>
                <a:buSzPct val="80000"/>
                <a:buFont typeface="Arial" panose="020B0604020202020204" pitchFamily="34" charset="0"/>
                <a:buChar char="•"/>
              </a:pP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Placeholders can be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filled and then copied. </a:t>
              </a:r>
              <a:b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</a:br>
              <a:r>
                <a:rPr lang="en-US" sz="825" dirty="0">
                  <a:solidFill>
                    <a:prstClr val="white"/>
                  </a:solidFill>
                  <a:sym typeface="Wingdings" pitchFamily="2" charset="2"/>
                </a:rPr>
                <a:t>The copied placeholder will keep its formatting </a:t>
              </a:r>
              <a:endParaRPr lang="en-US" sz="825" dirty="0">
                <a:solidFill>
                  <a:prstClr val="white"/>
                </a:solidFill>
              </a:endParaRPr>
            </a:p>
          </p:txBody>
        </p:sp>
        <p:grpSp>
          <p:nvGrpSpPr>
            <p:cNvPr id="12" name="Gruppieren 11"/>
            <p:cNvGrpSpPr/>
            <p:nvPr userDrawn="1">
              <p:custDataLst>
                <p:tags r:id="rId2"/>
              </p:custDataLst>
            </p:nvPr>
          </p:nvGrpSpPr>
          <p:grpSpPr bwMode="gray">
            <a:xfrm>
              <a:off x="13667545" y="2973278"/>
              <a:ext cx="393190" cy="235914"/>
              <a:chOff x="5224463" y="3254915"/>
              <a:chExt cx="539750" cy="323850"/>
            </a:xfrm>
          </p:grpSpPr>
          <p:sp>
            <p:nvSpPr>
              <p:cNvPr id="14" name="Rechteck 13"/>
              <p:cNvSpPr/>
              <p:nvPr/>
            </p:nvSpPr>
            <p:spPr bwMode="gray">
              <a:xfrm>
                <a:off x="5224463" y="3254915"/>
                <a:ext cx="539750" cy="323850"/>
              </a:xfrm>
              <a:prstGeom prst="rect">
                <a:avLst/>
              </a:prstGeom>
              <a:noFill/>
              <a:ln w="9525">
                <a:solidFill>
                  <a:srgbClr val="C00000"/>
                </a:solidFill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72000" tIns="36000" rIns="72000" bIns="3600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750" dirty="0">
                  <a:solidFill>
                    <a:prstClr val="black"/>
                  </a:solidFill>
                  <a:latin typeface="Verdana" pitchFamily="34" charset="0"/>
                  <a:ea typeface="Verdana" pitchFamily="34" charset="0"/>
                  <a:cs typeface="Verdana" pitchFamily="34" charset="0"/>
                </a:endParaRPr>
              </a:p>
            </p:txBody>
          </p:sp>
          <p:pic>
            <p:nvPicPr>
              <p:cNvPr id="15" name="Picture 20"/>
              <p:cNvPicPr>
                <a:picLocks noChangeAspect="1" noChangeArrowheads="1"/>
              </p:cNvPicPr>
              <p:nvPr/>
            </p:nvPicPr>
            <p:blipFill rotWithShape="1">
              <a:blip r:embed="rId4" cstate="screen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 bwMode="gray">
              <a:xfrm>
                <a:off x="5240736" y="3272660"/>
                <a:ext cx="507204" cy="288360"/>
              </a:xfrm>
              <a:prstGeom prst="rect">
                <a:avLst/>
              </a:prstGeom>
              <a:noFill/>
              <a:ln>
                <a:noFill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accent1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chemeClr val="tx1"/>
                    </a:solidFill>
                    <a:miter lim="800000"/>
                    <a:headEnd/>
                    <a:tailEnd/>
                  </a14:hiddenLine>
                </a:ext>
                <a:ext uri="{AF507438-7753-43E0-B8FC-AC1667EBCBE1}">
                  <a14:hiddenEffects xmlns:a14="http://schemas.microsoft.com/office/drawing/2010/main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pic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335474956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0" y="228600"/>
            <a:ext cx="12192000" cy="1143000"/>
          </a:xfrm>
        </p:spPr>
        <p:txBody>
          <a:bodyPr/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828800" y="3657600"/>
            <a:ext cx="8534400" cy="19812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 smtClean="0"/>
              <a:t>Click to edit Master subtitle style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18285190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2719709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483293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58016622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1104261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9048490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502567945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194578760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63623771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855445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90850359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8839200" y="274639"/>
            <a:ext cx="27432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609600" y="274639"/>
            <a:ext cx="80264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3530552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963084" y="4406901"/>
            <a:ext cx="103632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963084" y="2906713"/>
            <a:ext cx="103632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0540467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09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197600" y="1600201"/>
            <a:ext cx="53848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92294469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535113"/>
            <a:ext cx="5386917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609600" y="2174875"/>
            <a:ext cx="5386917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6193368" y="1535113"/>
            <a:ext cx="5389033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6193368" y="2174875"/>
            <a:ext cx="5389033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6641826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2809605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790576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1" y="273050"/>
            <a:ext cx="4011084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766733" y="273051"/>
            <a:ext cx="6815667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609601" y="1435101"/>
            <a:ext cx="4011084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3281470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389717" y="4800600"/>
            <a:ext cx="73152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2389717" y="612775"/>
            <a:ext cx="73152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2389717" y="5367338"/>
            <a:ext cx="73152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00931049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.xml"/><Relationship Id="rId3" Type="http://schemas.openxmlformats.org/officeDocument/2006/relationships/slideLayout" Target="../slideLayouts/slideLayout17.xml"/><Relationship Id="rId7" Type="http://schemas.openxmlformats.org/officeDocument/2006/relationships/slideLayout" Target="../slideLayouts/slideLayout21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5.xml"/><Relationship Id="rId6" Type="http://schemas.openxmlformats.org/officeDocument/2006/relationships/slideLayout" Target="../slideLayouts/slideLayout20.xml"/><Relationship Id="rId11" Type="http://schemas.openxmlformats.org/officeDocument/2006/relationships/slideLayout" Target="../slideLayouts/slideLayout25.xml"/><Relationship Id="rId5" Type="http://schemas.openxmlformats.org/officeDocument/2006/relationships/slideLayout" Target="../slideLayouts/slideLayout19.xml"/><Relationship Id="rId10" Type="http://schemas.openxmlformats.org/officeDocument/2006/relationships/slideLayout" Target="../slideLayouts/slideLayout24.xml"/><Relationship Id="rId4" Type="http://schemas.openxmlformats.org/officeDocument/2006/relationships/slideLayout" Target="../slideLayouts/slideLayout18.xml"/><Relationship Id="rId9" Type="http://schemas.openxmlformats.org/officeDocument/2006/relationships/slideLayout" Target="../slideLayouts/slideLayout2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4702970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  <p:sldLayoutId id="2147483673" r:id="rId13"/>
    <p:sldLayoutId id="2147483674" r:id="rId14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0" y="274638"/>
            <a:ext cx="12192000" cy="1143000"/>
          </a:xfrm>
          <a:prstGeom prst="rect">
            <a:avLst/>
          </a:prstGeom>
          <a:solidFill>
            <a:schemeClr val="tx2"/>
          </a:solidFill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 smtClean="0"/>
              <a:t>Click to edit Master title style</a:t>
            </a:r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54502BB4-25DD-43DE-890E-67BD02CD4371}" type="datetimeFigureOut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5/23/2018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201C3A-3F29-4595-9732-25922B770FF6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‹#›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7945016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6" r:id="rId1"/>
    <p:sldLayoutId id="2147483677" r:id="rId2"/>
    <p:sldLayoutId id="2147483678" r:id="rId3"/>
    <p:sldLayoutId id="2147483679" r:id="rId4"/>
    <p:sldLayoutId id="2147483680" r:id="rId5"/>
    <p:sldLayoutId id="2147483681" r:id="rId6"/>
    <p:sldLayoutId id="2147483682" r:id="rId7"/>
    <p:sldLayoutId id="2147483683" r:id="rId8"/>
    <p:sldLayoutId id="2147483684" r:id="rId9"/>
    <p:sldLayoutId id="2147483685" r:id="rId10"/>
    <p:sldLayoutId id="2147483686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bg1"/>
          </a:solidFill>
          <a:latin typeface="Garamond" panose="02020404030301010803" pitchFamily="18" charset="0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Garamond" panose="02020404030301010803" pitchFamily="18" charset="0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" y="2362200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/>
              <a:t>Managing the </a:t>
            </a:r>
            <a:r>
              <a:rPr lang="en-US" dirty="0" smtClean="0"/>
              <a:t>Written Examination Tools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4276951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0" y="246063"/>
            <a:ext cx="12192000" cy="1143000"/>
          </a:xfrm>
        </p:spPr>
        <p:txBody>
          <a:bodyPr>
            <a:normAutofit/>
          </a:bodyPr>
          <a:lstStyle/>
          <a:p>
            <a:r>
              <a:rPr lang="en-US" dirty="0" smtClean="0"/>
              <a:t>4. Completing </a:t>
            </a:r>
            <a:r>
              <a:rPr lang="en-US" dirty="0"/>
              <a:t>the Written Examination Sheet (</a:t>
            </a:r>
            <a:r>
              <a:rPr lang="en-US" dirty="0" smtClean="0"/>
              <a:t>2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3849" t="33466" r="76984" b="27266"/>
          <a:stretch/>
        </p:blipFill>
        <p:spPr>
          <a:xfrm>
            <a:off x="446314" y="1580606"/>
            <a:ext cx="11299372" cy="5123326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190878987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4. Completing </a:t>
            </a:r>
            <a:r>
              <a:rPr lang="en-US" dirty="0"/>
              <a:t>the Written Examination Sheet </a:t>
            </a:r>
            <a:r>
              <a:rPr lang="en-US" dirty="0" smtClean="0"/>
              <a:t>(3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320" t="44154" r="14153" b="17720"/>
          <a:stretch/>
        </p:blipFill>
        <p:spPr>
          <a:xfrm>
            <a:off x="40085" y="1769806"/>
            <a:ext cx="12230570" cy="4557252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829746207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4000" dirty="0" smtClean="0">
                <a:solidFill>
                  <a:prstClr val="white"/>
                </a:solidFill>
              </a:rPr>
              <a:t>Roles and Responsibility</a:t>
            </a:r>
            <a:endParaRPr lang="en-US" dirty="0"/>
          </a:p>
        </p:txBody>
      </p:sp>
      <p:graphicFrame>
        <p:nvGraphicFramePr>
          <p:cNvPr id="4" name="Content Placehold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586390841"/>
              </p:ext>
            </p:extLst>
          </p:nvPr>
        </p:nvGraphicFramePr>
        <p:xfrm>
          <a:off x="720212" y="1641576"/>
          <a:ext cx="10751575" cy="4789704"/>
        </p:xfrm>
        <a:graphic>
          <a:graphicData uri="http://schemas.openxmlformats.org/drawingml/2006/table">
            <a:tbl>
              <a:tblPr firstRow="1" bandRow="1">
                <a:tableStyleId>{BC89EF96-8CEA-46FF-86C4-4CE0E7609802}</a:tableStyleId>
              </a:tblPr>
              <a:tblGrid>
                <a:gridCol w="3878828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42852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22989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609744">
                <a:tc>
                  <a:txBody>
                    <a:bodyPr/>
                    <a:lstStyle/>
                    <a:p>
                      <a:r>
                        <a:rPr lang="en-US" sz="2800" dirty="0" smtClean="0">
                          <a:latin typeface="+mj-lt"/>
                        </a:rPr>
                        <a:t>Tools</a:t>
                      </a:r>
                      <a:endParaRPr lang="en-US" sz="2800" dirty="0">
                        <a:latin typeface="+mj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 smtClean="0">
                          <a:latin typeface="+mj-lt"/>
                        </a:rPr>
                        <a:t>Tester</a:t>
                      </a:r>
                      <a:r>
                        <a:rPr lang="en-US" sz="2800" baseline="0" dirty="0" smtClean="0">
                          <a:latin typeface="+mj-lt"/>
                        </a:rPr>
                        <a:t> </a:t>
                      </a:r>
                      <a:endParaRPr lang="en-US" sz="2800" dirty="0">
                        <a:latin typeface="+mj-lt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 smtClean="0">
                          <a:latin typeface="+mj-lt"/>
                        </a:rPr>
                        <a:t>Evaluator/ Proctor</a:t>
                      </a:r>
                      <a:endParaRPr lang="en-US" sz="2800" dirty="0">
                        <a:latin typeface="+mj-lt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 smtClean="0">
                          <a:latin typeface="+mj-lt"/>
                        </a:rPr>
                        <a:t>Registration Sheet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dirty="0" smtClean="0">
                          <a:latin typeface="+mj-lt"/>
                        </a:rPr>
                        <a:t>Complete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Review and sig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 smtClean="0">
                          <a:latin typeface="+mj-lt"/>
                        </a:rPr>
                        <a:t>Written Examination Question</a:t>
                      </a:r>
                      <a:r>
                        <a:rPr lang="en-US" sz="2800" baseline="0" dirty="0" smtClean="0">
                          <a:latin typeface="+mj-lt"/>
                        </a:rPr>
                        <a:t> version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as resource during the examina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ep before and after examinatio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881992">
                <a:tc>
                  <a:txBody>
                    <a:bodyPr/>
                    <a:lstStyle/>
                    <a:p>
                      <a:r>
                        <a:rPr lang="en-US" sz="2800" dirty="0" smtClean="0">
                          <a:latin typeface="+mj-lt"/>
                        </a:rPr>
                        <a:t>Written Examination Question version with Answer</a:t>
                      </a:r>
                      <a:r>
                        <a:rPr lang="en-US" sz="2800" baseline="0" dirty="0" smtClean="0">
                          <a:latin typeface="+mj-lt"/>
                        </a:rPr>
                        <a:t> key</a:t>
                      </a:r>
                      <a:endParaRPr lang="en-US" sz="2800" dirty="0" smtClean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800" b="1" dirty="0" smtClean="0">
                          <a:solidFill>
                            <a:srgbClr val="FF0000"/>
                          </a:solidFill>
                          <a:latin typeface="+mj-lt"/>
                        </a:rPr>
                        <a:t>DOES</a:t>
                      </a:r>
                      <a:r>
                        <a:rPr lang="en-US" sz="2800" b="1" baseline="0" dirty="0" smtClean="0">
                          <a:solidFill>
                            <a:srgbClr val="FF0000"/>
                          </a:solidFill>
                          <a:latin typeface="+mj-lt"/>
                        </a:rPr>
                        <a:t> NOT NEED</a:t>
                      </a:r>
                      <a:endParaRPr lang="en-US" sz="2800" b="1" dirty="0">
                        <a:solidFill>
                          <a:srgbClr val="FF0000"/>
                        </a:solidFill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to grade examination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918600">
                <a:tc>
                  <a:txBody>
                    <a:bodyPr/>
                    <a:lstStyle/>
                    <a:p>
                      <a:r>
                        <a:rPr lang="en-US" sz="2800" dirty="0" smtClean="0">
                          <a:latin typeface="+mj-lt"/>
                        </a:rPr>
                        <a:t>Examination Result</a:t>
                      </a:r>
                      <a:r>
                        <a:rPr lang="en-US" sz="2800" baseline="0" dirty="0" smtClean="0">
                          <a:latin typeface="+mj-lt"/>
                        </a:rPr>
                        <a:t> form</a:t>
                      </a:r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Use to record exam answer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800" b="0" i="0" u="none" strike="noStrike" kern="1200" cap="none" spc="0" normalizeH="0" baseline="0" noProof="0" dirty="0" smtClean="0">
                          <a:ln>
                            <a:noFill/>
                          </a:ln>
                          <a:solidFill>
                            <a:prstClr val="black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Review and grade</a:t>
                      </a:r>
                    </a:p>
                    <a:p>
                      <a:pPr algn="ctr"/>
                      <a:endParaRPr lang="en-US" sz="2800" dirty="0">
                        <a:latin typeface="+mj-lt"/>
                      </a:endParaRP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15248248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ummary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 smtClean="0"/>
              <a:t>What are the different written examination tools?</a:t>
            </a:r>
          </a:p>
          <a:p>
            <a:r>
              <a:rPr lang="en-US" dirty="0" smtClean="0"/>
              <a:t>Who uses the Written examination question version</a:t>
            </a:r>
          </a:p>
          <a:p>
            <a:r>
              <a:rPr lang="en-US" dirty="0"/>
              <a:t>Who </a:t>
            </a:r>
            <a:r>
              <a:rPr lang="en-US" dirty="0" smtClean="0"/>
              <a:t>uses </a:t>
            </a:r>
            <a:r>
              <a:rPr lang="en-US" dirty="0"/>
              <a:t>the Written examination question </a:t>
            </a:r>
            <a:r>
              <a:rPr lang="en-US" dirty="0" smtClean="0"/>
              <a:t>version with answer key?</a:t>
            </a:r>
          </a:p>
          <a:p>
            <a:r>
              <a:rPr lang="en-US" dirty="0" smtClean="0"/>
              <a:t>How is the written examination graded?</a:t>
            </a:r>
          </a:p>
        </p:txBody>
      </p:sp>
    </p:spTree>
    <p:extLst>
      <p:ext uri="{BB962C8B-B14F-4D97-AF65-F5344CB8AC3E}">
        <p14:creationId xmlns:p14="http://schemas.microsoft.com/office/powerpoint/2010/main" val="271501721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Learning Objective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2057401"/>
            <a:ext cx="10972800" cy="4525963"/>
          </a:xfrm>
        </p:spPr>
        <p:txBody>
          <a:bodyPr/>
          <a:lstStyle/>
          <a:p>
            <a:r>
              <a:rPr lang="en-US" dirty="0" smtClean="0"/>
              <a:t>At the end of the session, you will be able to:</a:t>
            </a:r>
          </a:p>
          <a:p>
            <a:pPr lvl="1"/>
            <a:r>
              <a:rPr lang="en-US" dirty="0" smtClean="0"/>
              <a:t>Describe </a:t>
            </a:r>
            <a:r>
              <a:rPr lang="en-US" dirty="0"/>
              <a:t>the different written examination tools</a:t>
            </a:r>
          </a:p>
          <a:p>
            <a:pPr lvl="1"/>
            <a:r>
              <a:rPr lang="en-US" dirty="0" smtClean="0"/>
              <a:t>Understand the purpose of the written examination tools</a:t>
            </a:r>
          </a:p>
          <a:p>
            <a:pPr lvl="1"/>
            <a:r>
              <a:rPr lang="en-US" dirty="0" smtClean="0"/>
              <a:t>Understand how to grade the written examination</a:t>
            </a:r>
          </a:p>
        </p:txBody>
      </p:sp>
    </p:spTree>
    <p:extLst>
      <p:ext uri="{BB962C8B-B14F-4D97-AF65-F5344CB8AC3E}">
        <p14:creationId xmlns:p14="http://schemas.microsoft.com/office/powerpoint/2010/main" val="311509775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Module Contents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09600" y="2101646"/>
            <a:ext cx="10972800" cy="4525963"/>
          </a:xfrm>
        </p:spPr>
        <p:txBody>
          <a:bodyPr/>
          <a:lstStyle/>
          <a:p>
            <a:r>
              <a:rPr lang="en-US" dirty="0" smtClean="0"/>
              <a:t>Different written examination tools</a:t>
            </a:r>
          </a:p>
          <a:p>
            <a:r>
              <a:rPr lang="en-US" dirty="0" smtClean="0"/>
              <a:t>Purpose </a:t>
            </a:r>
            <a:r>
              <a:rPr lang="en-US" dirty="0"/>
              <a:t>of the written examination tools</a:t>
            </a:r>
          </a:p>
          <a:p>
            <a:r>
              <a:rPr lang="en-US" dirty="0" smtClean="0"/>
              <a:t>Grading </a:t>
            </a:r>
            <a:r>
              <a:rPr lang="en-US" dirty="0"/>
              <a:t>the written examination</a:t>
            </a:r>
          </a:p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2305581862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sz="3600" dirty="0" smtClean="0">
                <a:solidFill>
                  <a:prstClr val="white"/>
                </a:solidFill>
              </a:rPr>
              <a:t>Certification Requirements</a:t>
            </a:r>
            <a:endParaRPr lang="en-US" dirty="0"/>
          </a:p>
        </p:txBody>
      </p:sp>
      <p:graphicFrame>
        <p:nvGraphicFramePr>
          <p:cNvPr id="4" name="Content Placehold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3215451171"/>
              </p:ext>
            </p:extLst>
          </p:nvPr>
        </p:nvGraphicFramePr>
        <p:xfrm>
          <a:off x="840658" y="1905000"/>
          <a:ext cx="10618840" cy="4481051"/>
        </p:xfrm>
        <a:graphic>
          <a:graphicData uri="http://schemas.openxmlformats.org/drawingml/2006/table">
            <a:tbl>
              <a:tblPr firstRow="1" firstCol="1" bandRow="1"/>
              <a:tblGrid>
                <a:gridCol w="336197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28435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28435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</a:tblGrid>
              <a:tr h="1124948">
                <a:tc rowSpan="2"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Examination Type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5F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Passing Score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2200" dirty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3744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Initial Certification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5F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Recertification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5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059328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Written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b="0" dirty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80%</a:t>
                      </a:r>
                      <a:endParaRPr lang="en-US" sz="3200" b="0" dirty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b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80%</a:t>
                      </a:r>
                      <a:endParaRPr lang="en-US" sz="3200" b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1059328"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3200" b="0" dirty="0" smtClean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Practical</a:t>
                      </a:r>
                      <a:endParaRPr lang="en-US" sz="3200" b="0" dirty="0" smtClean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b="0" dirty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100%</a:t>
                      </a:r>
                      <a:endParaRPr lang="en-US" sz="3200" b="0" dirty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5F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lnSpc>
                          <a:spcPct val="107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3200" b="0" dirty="0">
                          <a:solidFill>
                            <a:srgbClr val="000000"/>
                          </a:solidFill>
                          <a:effectLst/>
                          <a:latin typeface="Garamond" panose="02020404030301010803" pitchFamily="18" charset="0"/>
                          <a:ea typeface="Calibri" panose="020F0502020204030204" pitchFamily="34" charset="0"/>
                          <a:cs typeface="Times New Roman" panose="02020603050405020304" pitchFamily="18" charset="0"/>
                        </a:rPr>
                        <a:t>100%</a:t>
                      </a:r>
                      <a:endParaRPr lang="en-US" sz="3200" b="0" dirty="0">
                        <a:solidFill>
                          <a:srgbClr val="365F91"/>
                        </a:solidFill>
                        <a:effectLst/>
                        <a:latin typeface="Garamond" panose="02020404030301010803" pitchFamily="18" charset="0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5B3D7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BE5F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503306839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1. Registration Sheet (1)</a:t>
            </a:r>
            <a:endParaRPr lang="en-US" dirty="0"/>
          </a:p>
        </p:txBody>
      </p:sp>
      <p:pic>
        <p:nvPicPr>
          <p:cNvPr id="4" name="Content Placeholder 3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686" t="19063" r="14336" b="10225"/>
          <a:stretch/>
        </p:blipFill>
        <p:spPr>
          <a:xfrm>
            <a:off x="2418735" y="1417638"/>
            <a:ext cx="7627920" cy="5322375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  <p:pic>
        <p:nvPicPr>
          <p:cNvPr id="11" name="Picture 10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72137" y="1577022"/>
            <a:ext cx="1362075" cy="903605"/>
          </a:xfrm>
          <a:prstGeom prst="rect">
            <a:avLst/>
          </a:prstGeom>
          <a:noFill/>
          <a:ln>
            <a:noFill/>
          </a:ln>
        </p:spPr>
      </p:pic>
      <p:sp>
        <p:nvSpPr>
          <p:cNvPr id="12" name="TextBox 11"/>
          <p:cNvSpPr txBox="1"/>
          <p:nvPr/>
        </p:nvSpPr>
        <p:spPr>
          <a:xfrm>
            <a:off x="4638675" y="2459832"/>
            <a:ext cx="3648075" cy="277811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634717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1. </a:t>
            </a:r>
            <a:r>
              <a:rPr lang="en-US" dirty="0"/>
              <a:t>Registration Sheet (</a:t>
            </a:r>
            <a:r>
              <a:rPr lang="en-US" dirty="0" smtClean="0"/>
              <a:t>2)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9420" t="18085" r="15251" b="19023"/>
          <a:stretch/>
        </p:blipFill>
        <p:spPr>
          <a:xfrm>
            <a:off x="2079523" y="1485631"/>
            <a:ext cx="8273845" cy="5287591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713490221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sz="4000" dirty="0" smtClean="0"/>
              <a:t>2. Written </a:t>
            </a:r>
            <a:r>
              <a:rPr lang="en-US" sz="4000" dirty="0"/>
              <a:t>Examination Questions </a:t>
            </a:r>
            <a:r>
              <a:rPr lang="en-US" sz="4000" dirty="0" smtClean="0"/>
              <a:t>Version</a:t>
            </a:r>
            <a:endParaRPr lang="en-US" sz="4000" dirty="0"/>
          </a:p>
        </p:txBody>
      </p:sp>
      <p:pic>
        <p:nvPicPr>
          <p:cNvPr id="6" name="Content Placeholder 5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5847" t="25396" r="75965" b="27826"/>
          <a:stretch/>
        </p:blipFill>
        <p:spPr>
          <a:xfrm>
            <a:off x="2387456" y="1635807"/>
            <a:ext cx="7417087" cy="4990012"/>
          </a:xfrm>
          <a:prstGeom prst="rect">
            <a:avLst/>
          </a:prstGeom>
          <a:ln>
            <a:solidFill>
              <a:schemeClr val="bg1">
                <a:lumMod val="75000"/>
              </a:schemeClr>
            </a:solidFill>
          </a:ln>
        </p:spPr>
      </p:pic>
    </p:spTree>
    <p:extLst>
      <p:ext uri="{BB962C8B-B14F-4D97-AF65-F5344CB8AC3E}">
        <p14:creationId xmlns:p14="http://schemas.microsoft.com/office/powerpoint/2010/main" val="192036595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sz="4000" dirty="0" smtClean="0"/>
              <a:t>3. Written Examination Questions with Answer Key for Evaluator</a:t>
            </a:r>
            <a:endParaRPr lang="en-US" sz="4000" dirty="0"/>
          </a:p>
        </p:txBody>
      </p:sp>
      <p:pic>
        <p:nvPicPr>
          <p:cNvPr id="7" name="Content Placeholder 6"/>
          <p:cNvPicPr>
            <a:picLocks noGrp="1" noChangeAspect="1"/>
          </p:cNvPicPr>
          <p:nvPr>
            <p:ph idx="1"/>
          </p:nvPr>
        </p:nvPicPr>
        <p:blipFill>
          <a:blip r:embed="rId2"/>
          <a:stretch>
            <a:fillRect/>
          </a:stretch>
        </p:blipFill>
        <p:spPr>
          <a:xfrm>
            <a:off x="1793289" y="1600200"/>
            <a:ext cx="7623675" cy="51949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4344389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4. </a:t>
            </a:r>
            <a:r>
              <a:rPr lang="en-US" dirty="0" smtClean="0"/>
              <a:t>Completing the Written </a:t>
            </a:r>
            <a:r>
              <a:rPr lang="en-US" dirty="0" smtClean="0"/>
              <a:t>Examination Sheet (1)</a:t>
            </a:r>
            <a:endParaRPr lang="en-US" dirty="0"/>
          </a:p>
        </p:txBody>
      </p:sp>
      <p:pic>
        <p:nvPicPr>
          <p:cNvPr id="5" name="Content Placeholder 4"/>
          <p:cNvPicPr>
            <a:picLocks noGrp="1" noChangeAspect="1"/>
          </p:cNvPicPr>
          <p:nvPr>
            <p:ph idx="1"/>
          </p:nvPr>
        </p:nvPicPr>
        <p:blipFill rotWithShape="1">
          <a:blip r:embed="rId2"/>
          <a:srcRect l="28504" t="27209" r="14335" b="10226"/>
          <a:stretch/>
        </p:blipFill>
        <p:spPr>
          <a:xfrm>
            <a:off x="1961535" y="1394288"/>
            <a:ext cx="8878529" cy="5463712"/>
          </a:xfrm>
          <a:prstGeom prst="rect">
            <a:avLst/>
          </a:prstGeom>
          <a:ln>
            <a:solidFill>
              <a:schemeClr val="bg1">
                <a:lumMod val="85000"/>
              </a:schemeClr>
            </a:solidFill>
          </a:ln>
        </p:spPr>
      </p:pic>
      <p:pic>
        <p:nvPicPr>
          <p:cNvPr id="4" name="Picture 3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36997" y="1417638"/>
            <a:ext cx="1600350" cy="903605"/>
          </a:xfrm>
          <a:prstGeom prst="rect">
            <a:avLst/>
          </a:prstGeom>
          <a:noFill/>
          <a:ln>
            <a:noFill/>
          </a:ln>
        </p:spPr>
      </p:pic>
      <p:sp>
        <p:nvSpPr>
          <p:cNvPr id="6" name="TextBox 5"/>
          <p:cNvSpPr txBox="1"/>
          <p:nvPr/>
        </p:nvSpPr>
        <p:spPr>
          <a:xfrm>
            <a:off x="4276725" y="2300448"/>
            <a:ext cx="4286250" cy="277811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80947665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3962</TotalTime>
  <Words>224</Words>
  <Application>Microsoft Office PowerPoint</Application>
  <PresentationFormat>Widescreen</PresentationFormat>
  <Paragraphs>49</Paragraphs>
  <Slides>13</Slides>
  <Notes>0</Notes>
  <HiddenSlides>0</HiddenSlides>
  <MMClips>0</MMClips>
  <ScaleCrop>false</ScaleCrop>
  <HeadingPairs>
    <vt:vector size="8" baseType="variant">
      <vt:variant>
        <vt:lpstr>Fonts Used</vt:lpstr>
      </vt:variant>
      <vt:variant>
        <vt:i4>6</vt:i4>
      </vt:variant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2" baseType="lpstr">
      <vt:lpstr>Arial</vt:lpstr>
      <vt:lpstr>Calibri</vt:lpstr>
      <vt:lpstr>Garamond</vt:lpstr>
      <vt:lpstr>Times New Roman</vt:lpstr>
      <vt:lpstr>Verdana</vt:lpstr>
      <vt:lpstr>Wingdings</vt:lpstr>
      <vt:lpstr>1_Office Theme</vt:lpstr>
      <vt:lpstr>Office Theme</vt:lpstr>
      <vt:lpstr>think-cell Folie</vt:lpstr>
      <vt:lpstr>Managing the Written Examination Tools</vt:lpstr>
      <vt:lpstr>Learning Objectives</vt:lpstr>
      <vt:lpstr>Module Contents</vt:lpstr>
      <vt:lpstr>Certification Requirements</vt:lpstr>
      <vt:lpstr>1. Registration Sheet (1)</vt:lpstr>
      <vt:lpstr>1. Registration Sheet (2)</vt:lpstr>
      <vt:lpstr>2. Written Examination Questions Version</vt:lpstr>
      <vt:lpstr>3. Written Examination Questions with Answer Key for Evaluator</vt:lpstr>
      <vt:lpstr>4. Completing the Written Examination Sheet (1)</vt:lpstr>
      <vt:lpstr>4. Completing the Written Examination Sheet (2)</vt:lpstr>
      <vt:lpstr>4. Completing the Written Examination Sheet (3)</vt:lpstr>
      <vt:lpstr>Roles and Responsibility</vt:lpstr>
      <vt:lpstr>Summary</vt:lpstr>
    </vt:vector>
  </TitlesOfParts>
  <Company>Centers for Disease Control and Prevention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naging the Offline Competency Assessment Tools</dc:title>
  <dc:creator>Kalou, Mireille B. (CDC/CGH/DGHT)</dc:creator>
  <cp:lastModifiedBy>Jackson, Keisha G. (CDC/CGH/DGHT)</cp:lastModifiedBy>
  <cp:revision>27</cp:revision>
  <dcterms:created xsi:type="dcterms:W3CDTF">2017-04-18T20:57:07Z</dcterms:created>
  <dcterms:modified xsi:type="dcterms:W3CDTF">2018-05-23T14:06:28Z</dcterms:modified>
</cp:coreProperties>
</file>